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0\LRF-2020\RREO 2º Bim 2020\"/>
    </mc:Choice>
  </mc:AlternateContent>
  <bookViews>
    <workbookView xWindow="0" yWindow="0" windowWidth="20490" windowHeight="7650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162913"/>
</workbook>
</file>

<file path=xl/sharedStrings.xml><?xml version="1.0" encoding="utf-8"?>
<sst xmlns="http://schemas.openxmlformats.org/spreadsheetml/2006/main" count="2834" uniqueCount="1191">
  <si>
    <t>ESTADO DE MATO GROSSO DO SUL</t>
  </si>
  <si>
    <t>Relatório Resumido de Execução Orçamentária</t>
  </si>
  <si>
    <t>Anexo 1 - Balanço Orçamentário</t>
  </si>
  <si>
    <t>Orçamentos Fiscal e da Seguridade Social</t>
  </si>
  <si>
    <t>Março até Abril - 2º Bimestre/2020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   363 - Ensino Profission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99</t>
  </si>
  <si>
    <t>200</t>
  </si>
  <si>
    <t>201</t>
  </si>
  <si>
    <t>202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Mai/2019</t>
  </si>
  <si>
    <t>Jun/2019</t>
  </si>
  <si>
    <t>Jul/2019</t>
  </si>
  <si>
    <t>Ago/2019</t>
  </si>
  <si>
    <t>Set/2019</t>
  </si>
  <si>
    <t>Out/2019</t>
  </si>
  <si>
    <t>Nov/2019</t>
  </si>
  <si>
    <t>Dez/2019</t>
  </si>
  <si>
    <t>Jan/2020</t>
  </si>
  <si>
    <t>Fev/2020</t>
  </si>
  <si>
    <t>Mar/2020</t>
  </si>
  <si>
    <t>Abr/2020</t>
  </si>
  <si>
    <t>Total (ùltimos 12 Meses)</t>
  </si>
  <si>
    <t>Previsão Atualizada 2020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Anexo 4 - Demonstrativo das Receitas e Despesas Previdenciárias do RPPS</t>
  </si>
  <si>
    <t>LRF, Art. 53, inciso II</t>
  </si>
  <si>
    <t>RECEITAS PREVIDENCIÁRIAS - PLANO PREVIDENCIÁRIO</t>
  </si>
  <si>
    <t>Previsão Atualizada</t>
  </si>
  <si>
    <t>Até o Bimestre 2020</t>
  </si>
  <si>
    <t>Até o Bimestre 2019</t>
  </si>
  <si>
    <t>RECEITAS CORRENTES (I)</t>
  </si>
  <si>
    <t xml:space="preserve">Receita de Contribuições dos Segurados </t>
  </si>
  <si>
    <t xml:space="preserve">   Civil</t>
  </si>
  <si>
    <t xml:space="preserve">      Ativo </t>
  </si>
  <si>
    <t xml:space="preserve">      Inativo </t>
  </si>
  <si>
    <t xml:space="preserve">      Pensionista </t>
  </si>
  <si>
    <t xml:space="preserve">   Militar</t>
  </si>
  <si>
    <t xml:space="preserve">    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Benefícios - Civil</t>
  </si>
  <si>
    <t xml:space="preserve">   Aposentadorias</t>
  </si>
  <si>
    <t xml:space="preserve">   Pensões</t>
  </si>
  <si>
    <t xml:space="preserve">   Outros Benefícios Previdenciários</t>
  </si>
  <si>
    <t>Benefícios - Militar</t>
  </si>
  <si>
    <t xml:space="preserve">   Reformas</t>
  </si>
  <si>
    <t>Outras Despesas Previdenciárias</t>
  </si>
  <si>
    <t xml:space="preserve">   Compensação Previdenciária do RPPS para o RGPS</t>
  </si>
  <si>
    <t xml:space="preserve">   Demais Despesas Previdenciárias</t>
  </si>
  <si>
    <t>TOTAL DAS DESPESAS PREVIDENCIÁRIAS RPPS (V)</t>
  </si>
  <si>
    <t>RESULTADO PREVIDENCIÁRIO (VIII) = (IV – VII)²</t>
  </si>
  <si>
    <t>RESULTADO PREVIDENCIÁRIO (VI) = (IV – V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20</t>
  </si>
  <si>
    <t>2019</t>
  </si>
  <si>
    <t>Caixa e Equivalentes de Caixa</t>
  </si>
  <si>
    <t>Investimentos e Aplicações</t>
  </si>
  <si>
    <t>Outros Bens e Direitos</t>
  </si>
  <si>
    <t>DESPESAS PREVIDENCIÁRIAS - PLANO FINANCEIRO</t>
  </si>
  <si>
    <t>RECEITAS CORRENTES (VII)</t>
  </si>
  <si>
    <t xml:space="preserve">   Receita de Contribuições dos Segurados</t>
  </si>
  <si>
    <t xml:space="preserve">      Civil</t>
  </si>
  <si>
    <t xml:space="preserve">         Ativo </t>
  </si>
  <si>
    <t xml:space="preserve">         Inativo </t>
  </si>
  <si>
    <t xml:space="preserve">         Pensionista 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IX) = (VII + VIII)</t>
  </si>
  <si>
    <t>DESPESAS PREVIDENCIÁRIAS - RPPS</t>
  </si>
  <si>
    <t xml:space="preserve">   Aposentadorias </t>
  </si>
  <si>
    <t xml:space="preserve">TOTAL DAS DESPESAS PREVIDENCIÁRIAS RPPS (X) </t>
  </si>
  <si>
    <t>RESULTADO PREVIDENCIÁRIO (XV) = (XI – XIV)²</t>
  </si>
  <si>
    <t>RESULTADO PREVIDENCIÁRIO (XI) = (IX – X)2</t>
  </si>
  <si>
    <t>APORTES DE RECURSOS PARA O PLANO FINANCEIRO DO RPPS</t>
  </si>
  <si>
    <t>Recursos para Cobertura de Insuficiências Financeiras</t>
  </si>
  <si>
    <t>Recursos para Formação de Reserva</t>
  </si>
  <si>
    <t>RECEITAS DA ADMINISTRAÇÃO - RPPS</t>
  </si>
  <si>
    <t>TOTAL DAS RECEITAS DA ADMINISTRAÇÃO RPPS - (XII)</t>
  </si>
  <si>
    <t>DESPESAS DA ADMINISTRAÇÃO - RPPS</t>
  </si>
  <si>
    <t>DESPESAS CORRENTES (XIII)</t>
  </si>
  <si>
    <t>DESPESAS DE CAPITAL (XIV)</t>
  </si>
  <si>
    <t>TOTAL DAS DESPESAS DA ADMINISTRAÇÃO RPPS (XV) = (XIII + XIV)</t>
  </si>
  <si>
    <t>USAR DA ANTERIOR</t>
  </si>
  <si>
    <t>RESULTADO DA ADMINISTRAÇÃO RPPS (XVI) = (XII – XV)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9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0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19</t>
  </si>
  <si>
    <t>Até o Bimestre/  2020</t>
  </si>
  <si>
    <t>INSCRITAS EM RESTOS A PAGAR NÃO PROCESSADOS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Anexo 7 - Demonstrativo dos Restos a Pagar por Poder e Órgão</t>
  </si>
  <si>
    <t>LRF, Art. 53, inciso V</t>
  </si>
  <si>
    <t>Poder / Órgão</t>
  </si>
  <si>
    <t>Restos a Pagar Processados</t>
  </si>
  <si>
    <t>Inscritos em Exercícios Anteriores (a)</t>
  </si>
  <si>
    <t>Inscritos Em 31 de Dezembro de 2019 (b)</t>
  </si>
  <si>
    <t>Cancelados (d)</t>
  </si>
  <si>
    <t>Saldo e=(a+b)-(c+d)</t>
  </si>
  <si>
    <t>Restos a Pagar Não Processados</t>
  </si>
  <si>
    <t>Inscritos em Exercícios Anteriores (f)</t>
  </si>
  <si>
    <t>Inscritos Em 31 de Dezembro de 2019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9 QUE NÃO FORAM UTILIZADOS</t>
  </si>
  <si>
    <t>22 – DESPESAS CUSTEADAS COM O SALDO DO ITEM 21 ATÉ O 1º TRIMESTRE DE 2020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16358254,48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20 (j)</t>
  </si>
  <si>
    <t>45- RESTOS A PAGAR DE DESPESAS COM MDE</t>
  </si>
  <si>
    <t>17583969,49</t>
  </si>
  <si>
    <t xml:space="preserve">   45.1 - Executadas com Recursos de Impostos Vinculados ao Ensino</t>
  </si>
  <si>
    <t>17573843,48</t>
  </si>
  <si>
    <t>16358177,50</t>
  </si>
  <si>
    <t xml:space="preserve">   45.2 - Executadas com Recursos do FUNDEB</t>
  </si>
  <si>
    <t>10126,01</t>
  </si>
  <si>
    <t>76,98</t>
  </si>
  <si>
    <t>CONTROLE DA DISPONIBILIDADE FINANCEIRA</t>
  </si>
  <si>
    <t>FUNDEB</t>
  </si>
  <si>
    <t>SALÁRIO EDUCAÇÃO</t>
  </si>
  <si>
    <t xml:space="preserve">   46- DISPONIBILIDADE FINANCEIRA EM 31 DE DEZEMBRO DE 2019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12 - Demonstrativo Das Receitas E Despesas Com Ações E Serviços Públicos De Saúde</t>
  </si>
  <si>
    <t>RREO – ANEXO 12 (LC 141/2012, art. 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>Dotação Atualizada (c)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0 (saldo final = XXd)</t>
  </si>
  <si>
    <t>Diferença de limite não cumprido em 2019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V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0 (regra nova)</t>
  </si>
  <si>
    <t>Empenhos de 2019 (regra nova)</t>
  </si>
  <si>
    <t>Empenhos de 2018</t>
  </si>
  <si>
    <t>Empenhos de 2017</t>
  </si>
  <si>
    <t>Empenhos de 2016 e anteriores</t>
  </si>
  <si>
    <t>UTILIZA DO ANTERI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0 a serem compensados (XXV) (saldo inicial = XXIV)</t>
  </si>
  <si>
    <t xml:space="preserve"> Restos a pagar cancelados ou prescritos em 2019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20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Anexo 14 - Demonstrativo Simplificado do Relatório Resumido da Execução Orçamentária</t>
  </si>
  <si>
    <t>LRF, Art. 48</t>
  </si>
  <si>
    <t>BALANÇO ORÇAMENTÁRIO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Regime Próprio de Previdência dos Servidores - PLANO PREVIDENCIÁRIO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Regime Próprio de Previdência dos Servidores - PLANO FINANCEIR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abSelected="1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19" bestFit="1" customWidth="1"/>
    <col min="7" max="7" width="19.140625" bestFit="1" customWidth="1"/>
    <col min="8" max="8" width="19" bestFit="1" customWidth="1"/>
    <col min="9" max="9" width="20.28515625" bestFit="1" customWidth="1"/>
    <col min="10" max="10" width="20.140625" bestFit="1" customWidth="1"/>
    <col min="11" max="11" width="19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3" t="s">
        <v>17</v>
      </c>
      <c r="B12" s="5" t="s">
        <v>18</v>
      </c>
      <c r="C12" s="11">
        <v>14468910900</v>
      </c>
      <c r="D12" s="11">
        <v>14590579706.76</v>
      </c>
      <c r="E12" s="11">
        <v>2243231586.71</v>
      </c>
      <c r="F12" s="11">
        <v>15.37</v>
      </c>
      <c r="G12" s="11">
        <v>4637871594.3400002</v>
      </c>
      <c r="H12" s="11">
        <v>31.79</v>
      </c>
      <c r="I12" s="11">
        <v>9952708112.4200001</v>
      </c>
    </row>
    <row r="13" spans="1:11" x14ac:dyDescent="0.25">
      <c r="A13" s="3" t="s">
        <v>19</v>
      </c>
      <c r="B13" s="5" t="s">
        <v>20</v>
      </c>
      <c r="C13" s="11">
        <v>12909936500</v>
      </c>
      <c r="D13" s="11">
        <v>12915947152.76</v>
      </c>
      <c r="E13" s="11">
        <v>2210622119.0500002</v>
      </c>
      <c r="F13" s="11">
        <v>17.12</v>
      </c>
      <c r="G13" s="11">
        <v>4568995706.1400003</v>
      </c>
      <c r="H13" s="11">
        <v>35.369999999999997</v>
      </c>
      <c r="I13" s="11">
        <v>8346951446.6199999</v>
      </c>
    </row>
    <row r="14" spans="1:11" x14ac:dyDescent="0.25">
      <c r="A14" s="3" t="s">
        <v>21</v>
      </c>
      <c r="B14" s="5" t="s">
        <v>22</v>
      </c>
      <c r="C14" s="11">
        <v>7547324200</v>
      </c>
      <c r="D14" s="11">
        <v>7547324200</v>
      </c>
      <c r="E14" s="11">
        <v>1168050965.03</v>
      </c>
      <c r="F14" s="11">
        <v>15.48</v>
      </c>
      <c r="G14" s="11">
        <v>2562130682.9099998</v>
      </c>
      <c r="H14" s="11">
        <v>33.950000000000003</v>
      </c>
      <c r="I14" s="11">
        <v>4985193517.0900002</v>
      </c>
    </row>
    <row r="15" spans="1:11" x14ac:dyDescent="0.25">
      <c r="A15" s="2" t="s">
        <v>23</v>
      </c>
      <c r="B15" s="4" t="s">
        <v>24</v>
      </c>
      <c r="C15" s="12">
        <v>7291055000</v>
      </c>
      <c r="D15" s="12">
        <v>7291055000</v>
      </c>
      <c r="E15" s="12">
        <v>1133293344.6600001</v>
      </c>
      <c r="F15" s="12">
        <v>15.54</v>
      </c>
      <c r="G15" s="12">
        <v>2489940899.96</v>
      </c>
      <c r="H15" s="12">
        <v>34.15</v>
      </c>
      <c r="I15" s="12">
        <v>4801114100.04</v>
      </c>
    </row>
    <row r="16" spans="1:11" x14ac:dyDescent="0.25">
      <c r="A16" s="2" t="s">
        <v>25</v>
      </c>
      <c r="B16" s="4" t="s">
        <v>26</v>
      </c>
      <c r="C16" s="12">
        <v>256269200</v>
      </c>
      <c r="D16" s="12">
        <v>256269200</v>
      </c>
      <c r="E16" s="12">
        <v>34757620.369999997</v>
      </c>
      <c r="F16" s="12">
        <v>13.56</v>
      </c>
      <c r="G16" s="12">
        <v>72189782.950000003</v>
      </c>
      <c r="H16" s="12">
        <v>28.17</v>
      </c>
      <c r="I16" s="12">
        <v>184079417.05000001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30</v>
      </c>
      <c r="C18" s="11">
        <v>742510800</v>
      </c>
      <c r="D18" s="11">
        <v>742510800</v>
      </c>
      <c r="E18" s="11">
        <v>76630321.540000007</v>
      </c>
      <c r="F18" s="11">
        <v>10.32</v>
      </c>
      <c r="G18" s="11">
        <v>175231763.00999999</v>
      </c>
      <c r="H18" s="11">
        <v>23.6</v>
      </c>
      <c r="I18" s="11">
        <v>567279036.99000001</v>
      </c>
    </row>
    <row r="19" spans="1:9" x14ac:dyDescent="0.25">
      <c r="A19" s="2" t="s">
        <v>31</v>
      </c>
      <c r="B19" s="4" t="s">
        <v>32</v>
      </c>
      <c r="C19" s="12">
        <v>742510800</v>
      </c>
      <c r="D19" s="12">
        <v>742510800</v>
      </c>
      <c r="E19" s="12">
        <v>76630321.540000007</v>
      </c>
      <c r="F19" s="12">
        <v>10.32</v>
      </c>
      <c r="G19" s="12">
        <v>175231763.00999999</v>
      </c>
      <c r="H19" s="12">
        <v>23.6</v>
      </c>
      <c r="I19" s="12">
        <v>567279036.99000001</v>
      </c>
    </row>
    <row r="20" spans="1:9" x14ac:dyDescent="0.25">
      <c r="A20" s="2" t="s">
        <v>33</v>
      </c>
      <c r="B20" s="4" t="s">
        <v>3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5</v>
      </c>
      <c r="B21" s="4" t="s">
        <v>36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7</v>
      </c>
      <c r="B22" s="4" t="s">
        <v>3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9</v>
      </c>
      <c r="B23" s="5" t="s">
        <v>40</v>
      </c>
      <c r="C23" s="11">
        <v>108933500</v>
      </c>
      <c r="D23" s="11">
        <v>108974602.76000001</v>
      </c>
      <c r="E23" s="11">
        <v>8789251.6699999999</v>
      </c>
      <c r="F23" s="11">
        <v>8.07</v>
      </c>
      <c r="G23" s="11">
        <v>27773294.760000002</v>
      </c>
      <c r="H23" s="11">
        <v>25.49</v>
      </c>
      <c r="I23" s="11">
        <v>81201308</v>
      </c>
    </row>
    <row r="24" spans="1:9" x14ac:dyDescent="0.25">
      <c r="A24" s="2" t="s">
        <v>41</v>
      </c>
      <c r="B24" s="4" t="s">
        <v>42</v>
      </c>
      <c r="C24" s="12">
        <v>1786200</v>
      </c>
      <c r="D24" s="12">
        <v>1786200</v>
      </c>
      <c r="E24" s="12">
        <v>232246.26</v>
      </c>
      <c r="F24" s="12">
        <v>13</v>
      </c>
      <c r="G24" s="12">
        <v>426354.11</v>
      </c>
      <c r="H24" s="12">
        <v>23.87</v>
      </c>
      <c r="I24" s="12">
        <v>1359845.89</v>
      </c>
    </row>
    <row r="25" spans="1:9" x14ac:dyDescent="0.25">
      <c r="A25" s="2" t="s">
        <v>43</v>
      </c>
      <c r="B25" s="4" t="s">
        <v>44</v>
      </c>
      <c r="C25" s="12">
        <v>65596100</v>
      </c>
      <c r="D25" s="12">
        <v>65637202.759999998</v>
      </c>
      <c r="E25" s="12">
        <v>6727223</v>
      </c>
      <c r="F25" s="12">
        <v>10.25</v>
      </c>
      <c r="G25" s="12">
        <v>12756738.18</v>
      </c>
      <c r="H25" s="12">
        <v>19.440000000000001</v>
      </c>
      <c r="I25" s="12">
        <v>52880464.579999998</v>
      </c>
    </row>
    <row r="26" spans="1:9" x14ac:dyDescent="0.25">
      <c r="A26" s="2" t="s">
        <v>45</v>
      </c>
      <c r="B26" s="4" t="s">
        <v>46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7" spans="1:9" x14ac:dyDescent="0.25">
      <c r="A27" s="2" t="s">
        <v>47</v>
      </c>
      <c r="B27" s="4" t="s">
        <v>48</v>
      </c>
      <c r="C27" s="12">
        <v>25384000</v>
      </c>
      <c r="D27" s="12">
        <v>25384000</v>
      </c>
      <c r="E27" s="12">
        <v>503575.09</v>
      </c>
      <c r="F27" s="12">
        <v>1.98</v>
      </c>
      <c r="G27" s="12">
        <v>12112745.15</v>
      </c>
      <c r="H27" s="12">
        <v>47.72</v>
      </c>
      <c r="I27" s="12">
        <v>13271254.85</v>
      </c>
    </row>
    <row r="28" spans="1:9" x14ac:dyDescent="0.25">
      <c r="A28" s="2" t="s">
        <v>49</v>
      </c>
      <c r="B28" s="4" t="s">
        <v>5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52</v>
      </c>
      <c r="C29" s="12">
        <v>16167200</v>
      </c>
      <c r="D29" s="12">
        <v>16167200</v>
      </c>
      <c r="E29" s="12">
        <v>1326207.32</v>
      </c>
      <c r="F29" s="12">
        <v>8.1999999999999993</v>
      </c>
      <c r="G29" s="12">
        <v>2477457.3199999998</v>
      </c>
      <c r="H29" s="12">
        <v>15.32</v>
      </c>
      <c r="I29" s="12">
        <v>13689742.68</v>
      </c>
    </row>
    <row r="30" spans="1:9" x14ac:dyDescent="0.25">
      <c r="A30" s="2" t="s">
        <v>53</v>
      </c>
      <c r="B30" s="4" t="s">
        <v>54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5</v>
      </c>
      <c r="B31" s="4" t="s">
        <v>5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5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60</v>
      </c>
      <c r="C33" s="11">
        <v>817495900</v>
      </c>
      <c r="D33" s="11">
        <v>817495900</v>
      </c>
      <c r="E33" s="11">
        <v>119658901.97</v>
      </c>
      <c r="F33" s="11">
        <v>14.64</v>
      </c>
      <c r="G33" s="11">
        <v>225053105.25999999</v>
      </c>
      <c r="H33" s="11">
        <v>27.53</v>
      </c>
      <c r="I33" s="11">
        <v>592442794.74000001</v>
      </c>
    </row>
    <row r="34" spans="1:9" x14ac:dyDescent="0.25">
      <c r="A34" s="2" t="s">
        <v>61</v>
      </c>
      <c r="B34" s="4" t="s">
        <v>62</v>
      </c>
      <c r="C34" s="12">
        <v>741734800</v>
      </c>
      <c r="D34" s="12">
        <v>741734800</v>
      </c>
      <c r="E34" s="12">
        <v>107898004.25</v>
      </c>
      <c r="F34" s="12">
        <v>14.55</v>
      </c>
      <c r="G34" s="12">
        <v>203306946.47</v>
      </c>
      <c r="H34" s="12">
        <v>27.41</v>
      </c>
      <c r="I34" s="12">
        <v>538427853.52999997</v>
      </c>
    </row>
    <row r="35" spans="1:9" x14ac:dyDescent="0.25">
      <c r="A35" s="2" t="s">
        <v>63</v>
      </c>
      <c r="B35" s="4" t="s">
        <v>64</v>
      </c>
      <c r="C35" s="12">
        <v>2299700</v>
      </c>
      <c r="D35" s="12">
        <v>2299700</v>
      </c>
      <c r="E35" s="12">
        <v>657340.42000000004</v>
      </c>
      <c r="F35" s="12">
        <v>28.58</v>
      </c>
      <c r="G35" s="12">
        <v>675008.43</v>
      </c>
      <c r="H35" s="12">
        <v>29.35</v>
      </c>
      <c r="I35" s="12">
        <v>1624691.57</v>
      </c>
    </row>
    <row r="36" spans="1:9" x14ac:dyDescent="0.25">
      <c r="A36" s="2" t="s">
        <v>65</v>
      </c>
      <c r="B36" s="4" t="s">
        <v>66</v>
      </c>
      <c r="C36" s="12">
        <v>65051400</v>
      </c>
      <c r="D36" s="12">
        <v>65051400</v>
      </c>
      <c r="E36" s="12">
        <v>9782362.0199999996</v>
      </c>
      <c r="F36" s="12">
        <v>15.04</v>
      </c>
      <c r="G36" s="12">
        <v>19015892.699999999</v>
      </c>
      <c r="H36" s="12">
        <v>29.23</v>
      </c>
      <c r="I36" s="12">
        <v>46035507.299999997</v>
      </c>
    </row>
    <row r="37" spans="1:9" x14ac:dyDescent="0.25">
      <c r="A37" s="2" t="s">
        <v>67</v>
      </c>
      <c r="B37" s="4" t="s">
        <v>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9</v>
      </c>
      <c r="B38" s="4" t="s">
        <v>70</v>
      </c>
      <c r="C38" s="12">
        <v>8410000</v>
      </c>
      <c r="D38" s="12">
        <v>8410000</v>
      </c>
      <c r="E38" s="12">
        <v>1321195.28</v>
      </c>
      <c r="F38" s="12">
        <v>15.71</v>
      </c>
      <c r="G38" s="12">
        <v>2055257.66</v>
      </c>
      <c r="H38" s="12">
        <v>24.44</v>
      </c>
      <c r="I38" s="12">
        <v>6354742.3399999999</v>
      </c>
    </row>
    <row r="39" spans="1:9" x14ac:dyDescent="0.25">
      <c r="A39" s="3" t="s">
        <v>71</v>
      </c>
      <c r="B39" s="5" t="s">
        <v>72</v>
      </c>
      <c r="C39" s="11">
        <v>3626413800</v>
      </c>
      <c r="D39" s="11">
        <v>3632383350</v>
      </c>
      <c r="E39" s="11">
        <v>819874773.96000004</v>
      </c>
      <c r="F39" s="11">
        <v>22.57</v>
      </c>
      <c r="G39" s="11">
        <v>1549125009.8800001</v>
      </c>
      <c r="H39" s="11">
        <v>42.65</v>
      </c>
      <c r="I39" s="11">
        <v>2083258340.1199999</v>
      </c>
    </row>
    <row r="40" spans="1:9" x14ac:dyDescent="0.25">
      <c r="A40" s="2" t="s">
        <v>73</v>
      </c>
      <c r="B40" s="4" t="s">
        <v>74</v>
      </c>
      <c r="C40" s="12">
        <v>1546629500</v>
      </c>
      <c r="D40" s="12">
        <v>1552599050</v>
      </c>
      <c r="E40" s="12">
        <v>240772555.08000001</v>
      </c>
      <c r="F40" s="12">
        <v>15.51</v>
      </c>
      <c r="G40" s="12">
        <v>530258987.76999998</v>
      </c>
      <c r="H40" s="12">
        <v>34.15</v>
      </c>
      <c r="I40" s="12">
        <v>1022340062.23</v>
      </c>
    </row>
    <row r="41" spans="1:9" x14ac:dyDescent="0.25">
      <c r="A41" s="2" t="s">
        <v>75</v>
      </c>
      <c r="B41" s="4" t="s">
        <v>76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7</v>
      </c>
      <c r="B42" s="4" t="s">
        <v>78</v>
      </c>
      <c r="C42" s="12">
        <v>79000</v>
      </c>
      <c r="D42" s="12">
        <v>79000</v>
      </c>
      <c r="E42" s="12">
        <v>407830.21</v>
      </c>
      <c r="F42" s="12">
        <v>516.24</v>
      </c>
      <c r="G42" s="12">
        <v>795481.57</v>
      </c>
      <c r="H42" s="12">
        <v>1006.94</v>
      </c>
      <c r="I42" s="12">
        <v>-716481.57</v>
      </c>
    </row>
    <row r="43" spans="1:9" x14ac:dyDescent="0.25">
      <c r="A43" s="2" t="s">
        <v>79</v>
      </c>
      <c r="B43" s="4" t="s">
        <v>80</v>
      </c>
      <c r="C43" s="12">
        <v>913935800</v>
      </c>
      <c r="D43" s="12">
        <v>913935800</v>
      </c>
      <c r="E43" s="12">
        <v>397811523.56999999</v>
      </c>
      <c r="F43" s="12">
        <v>43.53</v>
      </c>
      <c r="G43" s="12">
        <v>627026837.97000003</v>
      </c>
      <c r="H43" s="12">
        <v>68.61</v>
      </c>
      <c r="I43" s="12">
        <v>286908962.02999997</v>
      </c>
    </row>
    <row r="44" spans="1:9" x14ac:dyDescent="0.25">
      <c r="A44" s="2" t="s">
        <v>81</v>
      </c>
      <c r="B44" s="4" t="s">
        <v>82</v>
      </c>
      <c r="C44" s="12">
        <v>1162234200</v>
      </c>
      <c r="D44" s="12">
        <v>1162234200</v>
      </c>
      <c r="E44" s="12">
        <v>180882865.09999999</v>
      </c>
      <c r="F44" s="12">
        <v>15.56</v>
      </c>
      <c r="G44" s="12">
        <v>391043702.56999999</v>
      </c>
      <c r="H44" s="12">
        <v>33.65</v>
      </c>
      <c r="I44" s="12">
        <v>771190497.42999995</v>
      </c>
    </row>
    <row r="45" spans="1:9" x14ac:dyDescent="0.25">
      <c r="A45" s="2" t="s">
        <v>83</v>
      </c>
      <c r="B45" s="4" t="s">
        <v>84</v>
      </c>
      <c r="C45" s="12">
        <v>1282900</v>
      </c>
      <c r="D45" s="12">
        <v>1282900</v>
      </c>
      <c r="E45" s="12">
        <v>0</v>
      </c>
      <c r="F45" s="12">
        <v>0</v>
      </c>
      <c r="G45" s="12">
        <v>0</v>
      </c>
      <c r="H45" s="12">
        <v>0</v>
      </c>
      <c r="I45" s="12">
        <v>1282900</v>
      </c>
    </row>
    <row r="46" spans="1:9" x14ac:dyDescent="0.25">
      <c r="A46" s="2" t="s">
        <v>85</v>
      </c>
      <c r="B46" s="4" t="s">
        <v>86</v>
      </c>
      <c r="C46" s="12">
        <v>2252400</v>
      </c>
      <c r="D46" s="12">
        <v>2252400</v>
      </c>
      <c r="E46" s="12">
        <v>0</v>
      </c>
      <c r="F46" s="12">
        <v>0</v>
      </c>
      <c r="G46" s="12">
        <v>0</v>
      </c>
      <c r="H46" s="12">
        <v>0</v>
      </c>
      <c r="I46" s="12">
        <v>2252400</v>
      </c>
    </row>
    <row r="47" spans="1:9" x14ac:dyDescent="0.25">
      <c r="A47" s="2" t="s">
        <v>87</v>
      </c>
      <c r="B47" s="4" t="s">
        <v>88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89</v>
      </c>
      <c r="B48" s="5" t="s">
        <v>90</v>
      </c>
      <c r="C48" s="11">
        <v>67258300</v>
      </c>
      <c r="D48" s="11">
        <v>67258300</v>
      </c>
      <c r="E48" s="11">
        <v>17617904.879999999</v>
      </c>
      <c r="F48" s="11">
        <v>26.19</v>
      </c>
      <c r="G48" s="11">
        <v>29681850.32</v>
      </c>
      <c r="H48" s="11">
        <v>44.13</v>
      </c>
      <c r="I48" s="11">
        <v>37576449.68</v>
      </c>
    </row>
    <row r="49" spans="1:9" x14ac:dyDescent="0.25">
      <c r="A49" s="2" t="s">
        <v>91</v>
      </c>
      <c r="B49" s="4" t="s">
        <v>92</v>
      </c>
      <c r="C49" s="12">
        <v>39299300</v>
      </c>
      <c r="D49" s="12">
        <v>39299300</v>
      </c>
      <c r="E49" s="12">
        <v>4854657.7300000004</v>
      </c>
      <c r="F49" s="12">
        <v>12.35</v>
      </c>
      <c r="G49" s="12">
        <v>9692600.9299999997</v>
      </c>
      <c r="H49" s="12">
        <v>24.66</v>
      </c>
      <c r="I49" s="12">
        <v>29606699.07</v>
      </c>
    </row>
    <row r="50" spans="1:9" x14ac:dyDescent="0.25">
      <c r="A50" s="2" t="s">
        <v>93</v>
      </c>
      <c r="B50" s="4" t="s">
        <v>94</v>
      </c>
      <c r="C50" s="12">
        <v>16284200</v>
      </c>
      <c r="D50" s="12">
        <v>16284200</v>
      </c>
      <c r="E50" s="12">
        <v>2596113.66</v>
      </c>
      <c r="F50" s="12">
        <v>15.94</v>
      </c>
      <c r="G50" s="12">
        <v>5247128.33</v>
      </c>
      <c r="H50" s="12">
        <v>32.22</v>
      </c>
      <c r="I50" s="12">
        <v>11037071.67</v>
      </c>
    </row>
    <row r="51" spans="1:9" x14ac:dyDescent="0.25">
      <c r="A51" s="2" t="s">
        <v>95</v>
      </c>
      <c r="B51" s="4" t="s">
        <v>96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7</v>
      </c>
      <c r="B52" s="4" t="s">
        <v>98</v>
      </c>
      <c r="C52" s="12">
        <v>11674800</v>
      </c>
      <c r="D52" s="12">
        <v>11674800</v>
      </c>
      <c r="E52" s="12">
        <v>10167133.49</v>
      </c>
      <c r="F52" s="12">
        <v>87.09</v>
      </c>
      <c r="G52" s="12">
        <v>14742121.060000001</v>
      </c>
      <c r="H52" s="12">
        <v>126.27</v>
      </c>
      <c r="I52" s="12">
        <v>-3067321.06</v>
      </c>
    </row>
    <row r="53" spans="1:9" x14ac:dyDescent="0.25">
      <c r="A53" s="3" t="s">
        <v>99</v>
      </c>
      <c r="B53" s="5" t="s">
        <v>100</v>
      </c>
      <c r="C53" s="11">
        <v>1558974400</v>
      </c>
      <c r="D53" s="11">
        <v>1674632554</v>
      </c>
      <c r="E53" s="11">
        <v>32609467.66</v>
      </c>
      <c r="F53" s="11">
        <v>1.95</v>
      </c>
      <c r="G53" s="11">
        <v>68875888.200000003</v>
      </c>
      <c r="H53" s="11">
        <v>4.1100000000000003</v>
      </c>
      <c r="I53" s="11">
        <v>1605756665.8</v>
      </c>
    </row>
    <row r="54" spans="1:9" x14ac:dyDescent="0.25">
      <c r="A54" s="3" t="s">
        <v>101</v>
      </c>
      <c r="B54" s="5" t="s">
        <v>102</v>
      </c>
      <c r="C54" s="11">
        <v>23625100</v>
      </c>
      <c r="D54" s="11">
        <v>33476897</v>
      </c>
      <c r="E54" s="11">
        <v>19708636.879999999</v>
      </c>
      <c r="F54" s="11">
        <v>58.87</v>
      </c>
      <c r="G54" s="11">
        <v>19708636.879999999</v>
      </c>
      <c r="H54" s="11">
        <v>58.87</v>
      </c>
      <c r="I54" s="11">
        <v>13768260.119999999</v>
      </c>
    </row>
    <row r="55" spans="1:9" x14ac:dyDescent="0.25">
      <c r="A55" s="2" t="s">
        <v>103</v>
      </c>
      <c r="B55" s="4" t="s">
        <v>104</v>
      </c>
      <c r="C55" s="12">
        <v>0</v>
      </c>
      <c r="D55" s="12">
        <v>9851797</v>
      </c>
      <c r="E55" s="12">
        <v>6643545.4500000002</v>
      </c>
      <c r="F55" s="12">
        <v>67.430000000000007</v>
      </c>
      <c r="G55" s="12">
        <v>6643545.4500000002</v>
      </c>
      <c r="H55" s="12">
        <v>67.430000000000007</v>
      </c>
      <c r="I55" s="12">
        <v>3208251.55</v>
      </c>
    </row>
    <row r="56" spans="1:9" x14ac:dyDescent="0.25">
      <c r="A56" s="2" t="s">
        <v>105</v>
      </c>
      <c r="B56" s="4" t="s">
        <v>106</v>
      </c>
      <c r="C56" s="12">
        <v>23625100</v>
      </c>
      <c r="D56" s="12">
        <v>23625100</v>
      </c>
      <c r="E56" s="12">
        <v>13065091.43</v>
      </c>
      <c r="F56" s="12">
        <v>55.3</v>
      </c>
      <c r="G56" s="12">
        <v>13065091.43</v>
      </c>
      <c r="H56" s="12">
        <v>55.3</v>
      </c>
      <c r="I56" s="12">
        <v>10560008.57</v>
      </c>
    </row>
    <row r="57" spans="1:9" x14ac:dyDescent="0.25">
      <c r="A57" s="3" t="s">
        <v>107</v>
      </c>
      <c r="B57" s="5" t="s">
        <v>108</v>
      </c>
      <c r="C57" s="11">
        <v>5188600</v>
      </c>
      <c r="D57" s="11">
        <v>5188600</v>
      </c>
      <c r="E57" s="11">
        <v>50186.09</v>
      </c>
      <c r="F57" s="11">
        <v>0.97</v>
      </c>
      <c r="G57" s="11">
        <v>92747.74</v>
      </c>
      <c r="H57" s="11">
        <v>1.79</v>
      </c>
      <c r="I57" s="11">
        <v>5095852.26</v>
      </c>
    </row>
    <row r="58" spans="1:9" x14ac:dyDescent="0.25">
      <c r="A58" s="2" t="s">
        <v>109</v>
      </c>
      <c r="B58" s="4" t="s">
        <v>110</v>
      </c>
      <c r="C58" s="12">
        <v>1353400</v>
      </c>
      <c r="D58" s="12">
        <v>1353400</v>
      </c>
      <c r="E58" s="12">
        <v>0</v>
      </c>
      <c r="F58" s="12">
        <v>0</v>
      </c>
      <c r="G58" s="12">
        <v>0</v>
      </c>
      <c r="H58" s="12">
        <v>0</v>
      </c>
      <c r="I58" s="12">
        <v>1353400</v>
      </c>
    </row>
    <row r="59" spans="1:9" x14ac:dyDescent="0.25">
      <c r="A59" s="2" t="s">
        <v>111</v>
      </c>
      <c r="B59" s="4" t="s">
        <v>112</v>
      </c>
      <c r="C59" s="12">
        <v>3835200</v>
      </c>
      <c r="D59" s="12">
        <v>3835200</v>
      </c>
      <c r="E59" s="12">
        <v>50186.09</v>
      </c>
      <c r="F59" s="12">
        <v>1.31</v>
      </c>
      <c r="G59" s="12">
        <v>92747.74</v>
      </c>
      <c r="H59" s="12">
        <v>2.42</v>
      </c>
      <c r="I59" s="12">
        <v>3742452.26</v>
      </c>
    </row>
    <row r="60" spans="1:9" x14ac:dyDescent="0.25">
      <c r="A60" s="2" t="s">
        <v>113</v>
      </c>
      <c r="B60" s="4" t="s">
        <v>114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5</v>
      </c>
      <c r="B61" s="4" t="s">
        <v>116</v>
      </c>
      <c r="C61" s="12">
        <v>5248000</v>
      </c>
      <c r="D61" s="12">
        <v>5248000</v>
      </c>
      <c r="E61" s="12">
        <v>1006026.78</v>
      </c>
      <c r="F61" s="12">
        <v>19.170000000000002</v>
      </c>
      <c r="G61" s="12">
        <v>2495210.66</v>
      </c>
      <c r="H61" s="12">
        <v>47.55</v>
      </c>
      <c r="I61" s="12">
        <v>2752789.34</v>
      </c>
    </row>
    <row r="62" spans="1:9" x14ac:dyDescent="0.25">
      <c r="A62" s="3" t="s">
        <v>117</v>
      </c>
      <c r="B62" s="5" t="s">
        <v>118</v>
      </c>
      <c r="C62" s="11">
        <v>900167600</v>
      </c>
      <c r="D62" s="11">
        <v>1005973957</v>
      </c>
      <c r="E62" s="11">
        <v>11844617.91</v>
      </c>
      <c r="F62" s="11">
        <v>1.18</v>
      </c>
      <c r="G62" s="11">
        <v>46579292.920000002</v>
      </c>
      <c r="H62" s="11">
        <v>4.63</v>
      </c>
      <c r="I62" s="11">
        <v>959394664.08000004</v>
      </c>
    </row>
    <row r="63" spans="1:9" x14ac:dyDescent="0.25">
      <c r="A63" s="2" t="s">
        <v>119</v>
      </c>
      <c r="B63" s="4" t="s">
        <v>74</v>
      </c>
      <c r="C63" s="12">
        <v>424689100</v>
      </c>
      <c r="D63" s="12">
        <v>530495457</v>
      </c>
      <c r="E63" s="12">
        <v>10192076.060000001</v>
      </c>
      <c r="F63" s="12">
        <v>1.92</v>
      </c>
      <c r="G63" s="12">
        <v>40216122.979999997</v>
      </c>
      <c r="H63" s="12">
        <v>7.58</v>
      </c>
      <c r="I63" s="12">
        <v>490279334.01999998</v>
      </c>
    </row>
    <row r="64" spans="1:9" x14ac:dyDescent="0.25">
      <c r="A64" s="2" t="s">
        <v>120</v>
      </c>
      <c r="B64" s="4" t="s">
        <v>76</v>
      </c>
      <c r="C64" s="12">
        <v>4426900</v>
      </c>
      <c r="D64" s="12">
        <v>4426900</v>
      </c>
      <c r="E64" s="12">
        <v>1652541.85</v>
      </c>
      <c r="F64" s="12">
        <v>37.33</v>
      </c>
      <c r="G64" s="12">
        <v>6363169.9400000004</v>
      </c>
      <c r="H64" s="12">
        <v>143.74</v>
      </c>
      <c r="I64" s="12">
        <v>-1936269.94</v>
      </c>
    </row>
    <row r="65" spans="1:9" x14ac:dyDescent="0.25">
      <c r="A65" s="2" t="s">
        <v>121</v>
      </c>
      <c r="B65" s="4" t="s">
        <v>78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22</v>
      </c>
      <c r="B66" s="4" t="s">
        <v>80</v>
      </c>
      <c r="C66" s="12">
        <v>470282200</v>
      </c>
      <c r="D66" s="12">
        <v>470282200</v>
      </c>
      <c r="E66" s="12">
        <v>0</v>
      </c>
      <c r="F66" s="12">
        <v>0</v>
      </c>
      <c r="G66" s="12">
        <v>0</v>
      </c>
      <c r="H66" s="12">
        <v>0</v>
      </c>
      <c r="I66" s="12">
        <v>470282200</v>
      </c>
    </row>
    <row r="67" spans="1:9" x14ac:dyDescent="0.25">
      <c r="A67" s="2" t="s">
        <v>123</v>
      </c>
      <c r="B67" s="4" t="s">
        <v>8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4</v>
      </c>
      <c r="B68" s="4" t="s">
        <v>84</v>
      </c>
      <c r="C68" s="12">
        <v>247800</v>
      </c>
      <c r="D68" s="12">
        <v>247800</v>
      </c>
      <c r="E68" s="12">
        <v>0</v>
      </c>
      <c r="F68" s="12">
        <v>0</v>
      </c>
      <c r="G68" s="12">
        <v>0</v>
      </c>
      <c r="H68" s="12">
        <v>0</v>
      </c>
      <c r="I68" s="12">
        <v>247800</v>
      </c>
    </row>
    <row r="69" spans="1:9" x14ac:dyDescent="0.25">
      <c r="A69" s="2" t="s">
        <v>125</v>
      </c>
      <c r="B69" s="4" t="s">
        <v>86</v>
      </c>
      <c r="C69" s="12">
        <v>521600</v>
      </c>
      <c r="D69" s="12">
        <v>521600</v>
      </c>
      <c r="E69" s="12">
        <v>0</v>
      </c>
      <c r="F69" s="12">
        <v>0</v>
      </c>
      <c r="G69" s="12">
        <v>0</v>
      </c>
      <c r="H69" s="12">
        <v>0</v>
      </c>
      <c r="I69" s="12">
        <v>521600</v>
      </c>
    </row>
    <row r="70" spans="1:9" x14ac:dyDescent="0.25">
      <c r="A70" s="2" t="s">
        <v>126</v>
      </c>
      <c r="B70" s="4" t="s">
        <v>88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7</v>
      </c>
      <c r="B71" s="5" t="s">
        <v>128</v>
      </c>
      <c r="C71" s="11">
        <v>624745100</v>
      </c>
      <c r="D71" s="11">
        <v>624745100</v>
      </c>
      <c r="E71" s="11">
        <v>0</v>
      </c>
      <c r="F71" s="11">
        <v>0</v>
      </c>
      <c r="G71" s="11">
        <v>0</v>
      </c>
      <c r="H71" s="11">
        <v>0</v>
      </c>
      <c r="I71" s="11">
        <v>624745100</v>
      </c>
    </row>
    <row r="72" spans="1:9" x14ac:dyDescent="0.25">
      <c r="A72" s="2" t="s">
        <v>129</v>
      </c>
      <c r="B72" s="4" t="s">
        <v>130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1</v>
      </c>
      <c r="B73" s="4" t="s">
        <v>132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3</v>
      </c>
      <c r="B74" s="4" t="s">
        <v>134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5</v>
      </c>
      <c r="B75" s="4" t="s">
        <v>136</v>
      </c>
      <c r="C75" s="12">
        <v>624745100</v>
      </c>
      <c r="D75" s="12">
        <v>624745100</v>
      </c>
      <c r="E75" s="12">
        <v>0</v>
      </c>
      <c r="F75" s="12">
        <v>0</v>
      </c>
      <c r="G75" s="12">
        <v>0</v>
      </c>
      <c r="H75" s="12">
        <v>0</v>
      </c>
      <c r="I75" s="12">
        <v>624745100</v>
      </c>
    </row>
    <row r="76" spans="1:9" x14ac:dyDescent="0.25">
      <c r="A76" s="2" t="s">
        <v>137</v>
      </c>
      <c r="B76" s="4" t="s">
        <v>138</v>
      </c>
      <c r="C76" s="12">
        <v>1331489100</v>
      </c>
      <c r="D76" s="12">
        <v>1331489100</v>
      </c>
      <c r="E76" s="12">
        <v>173406945.49000001</v>
      </c>
      <c r="F76" s="12">
        <v>13.02</v>
      </c>
      <c r="G76" s="12">
        <v>637988365.61000001</v>
      </c>
      <c r="H76" s="12">
        <v>47.92</v>
      </c>
      <c r="I76" s="12">
        <v>693500734.38999999</v>
      </c>
    </row>
    <row r="77" spans="1:9" x14ac:dyDescent="0.25">
      <c r="A77" s="3" t="s">
        <v>139</v>
      </c>
      <c r="B77" s="5" t="s">
        <v>140</v>
      </c>
      <c r="C77" s="11">
        <v>15800400000</v>
      </c>
      <c r="D77" s="11">
        <v>15922068806.76</v>
      </c>
      <c r="E77" s="11">
        <v>2416638532.1999998</v>
      </c>
      <c r="F77" s="11">
        <v>15.18</v>
      </c>
      <c r="G77" s="11">
        <v>5275859959.9499998</v>
      </c>
      <c r="H77" s="11">
        <v>33.14</v>
      </c>
      <c r="I77" s="11">
        <v>10646208846.809999</v>
      </c>
    </row>
    <row r="78" spans="1:9" x14ac:dyDescent="0.25">
      <c r="A78" s="3" t="s">
        <v>141</v>
      </c>
      <c r="B78" s="5" t="s">
        <v>142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3</v>
      </c>
      <c r="B79" s="5" t="s">
        <v>144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5</v>
      </c>
      <c r="B80" s="4" t="s">
        <v>146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1" x14ac:dyDescent="0.25">
      <c r="A81" s="2" t="s">
        <v>147</v>
      </c>
      <c r="B81" s="4" t="s">
        <v>148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1" x14ac:dyDescent="0.25">
      <c r="A82" s="3" t="s">
        <v>149</v>
      </c>
      <c r="B82" s="5" t="s">
        <v>150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1" x14ac:dyDescent="0.25">
      <c r="A83" s="2" t="s">
        <v>151</v>
      </c>
      <c r="B83" s="4" t="s">
        <v>146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1" x14ac:dyDescent="0.25">
      <c r="A84" s="2" t="s">
        <v>152</v>
      </c>
      <c r="B84" s="4" t="s">
        <v>148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1" x14ac:dyDescent="0.25">
      <c r="A85" s="3" t="s">
        <v>153</v>
      </c>
      <c r="B85" s="5" t="s">
        <v>154</v>
      </c>
      <c r="C85" s="11">
        <v>15800400000</v>
      </c>
      <c r="D85" s="11">
        <v>15922068806.76</v>
      </c>
      <c r="E85" s="11">
        <v>2416638532.1999998</v>
      </c>
      <c r="F85" s="11">
        <v>15.18</v>
      </c>
      <c r="G85" s="11">
        <v>5275859959.9499998</v>
      </c>
      <c r="H85" s="11">
        <v>33.14</v>
      </c>
      <c r="I85" s="11">
        <v>10646208846.809999</v>
      </c>
    </row>
    <row r="86" spans="1:11" x14ac:dyDescent="0.25">
      <c r="A86" s="2" t="s">
        <v>155</v>
      </c>
      <c r="B86" s="4" t="s">
        <v>156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1" x14ac:dyDescent="0.25">
      <c r="A87" s="3" t="s">
        <v>157</v>
      </c>
      <c r="B87" s="5" t="s">
        <v>158</v>
      </c>
      <c r="C87" s="11">
        <v>15800400000</v>
      </c>
      <c r="D87" s="11">
        <v>15922068806.76</v>
      </c>
      <c r="E87" s="11">
        <v>2416638532.1999998</v>
      </c>
      <c r="F87" s="11">
        <v>15.18</v>
      </c>
      <c r="G87" s="11">
        <v>5275859959.9499998</v>
      </c>
      <c r="H87" s="11">
        <v>33.14</v>
      </c>
      <c r="I87" s="11">
        <v>10646208846.809999</v>
      </c>
    </row>
    <row r="88" spans="1:11" x14ac:dyDescent="0.25">
      <c r="A88" s="3" t="s">
        <v>159</v>
      </c>
      <c r="B88" s="5" t="s">
        <v>160</v>
      </c>
      <c r="C88" s="11">
        <v>0</v>
      </c>
      <c r="D88" s="11">
        <v>89493493.650000006</v>
      </c>
      <c r="E88" s="11">
        <v>0</v>
      </c>
      <c r="F88" s="11">
        <v>0</v>
      </c>
      <c r="G88" s="11">
        <v>89493493.650000006</v>
      </c>
      <c r="H88" s="11">
        <v>100</v>
      </c>
      <c r="I88" s="11">
        <v>0</v>
      </c>
    </row>
    <row r="89" spans="1:11" x14ac:dyDescent="0.25">
      <c r="A89" s="2" t="s">
        <v>161</v>
      </c>
      <c r="B89" s="4" t="s">
        <v>162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1" x14ac:dyDescent="0.25">
      <c r="A90" s="2" t="s">
        <v>163</v>
      </c>
      <c r="B90" s="4" t="s">
        <v>164</v>
      </c>
      <c r="C90" s="12">
        <v>0</v>
      </c>
      <c r="D90" s="12">
        <v>89493493.650000006</v>
      </c>
      <c r="E90" s="12">
        <v>0</v>
      </c>
      <c r="F90" s="12">
        <v>0</v>
      </c>
      <c r="G90" s="12">
        <v>89493493.650000006</v>
      </c>
      <c r="H90" s="12">
        <v>100</v>
      </c>
      <c r="I90" s="12">
        <v>0</v>
      </c>
    </row>
    <row r="92" spans="1:11" x14ac:dyDescent="0.25">
      <c r="A92" s="10" t="s">
        <v>6</v>
      </c>
      <c r="B92" s="10" t="s">
        <v>165</v>
      </c>
      <c r="C92" s="10" t="s">
        <v>166</v>
      </c>
      <c r="D92" s="10" t="s">
        <v>167</v>
      </c>
      <c r="E92" s="10" t="s">
        <v>168</v>
      </c>
      <c r="F92" s="10" t="s">
        <v>7</v>
      </c>
      <c r="G92" s="10" t="s">
        <v>171</v>
      </c>
      <c r="H92" s="10" t="s">
        <v>172</v>
      </c>
      <c r="I92" s="10" t="s">
        <v>7</v>
      </c>
      <c r="J92" s="10" t="s">
        <v>174</v>
      </c>
      <c r="K92" s="10" t="s">
        <v>175</v>
      </c>
    </row>
    <row r="93" spans="1:11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69</v>
      </c>
      <c r="F93" s="1" t="s">
        <v>170</v>
      </c>
      <c r="G93" s="10" t="s">
        <v>7</v>
      </c>
      <c r="H93" s="1" t="s">
        <v>169</v>
      </c>
      <c r="I93" s="1" t="s">
        <v>173</v>
      </c>
      <c r="J93" s="10" t="s">
        <v>7</v>
      </c>
      <c r="K93" s="10" t="s">
        <v>7</v>
      </c>
    </row>
    <row r="94" spans="1:11" x14ac:dyDescent="0.25">
      <c r="A94" s="3" t="s">
        <v>176</v>
      </c>
      <c r="B94" s="5" t="s">
        <v>177</v>
      </c>
      <c r="C94" s="11">
        <v>14497115300</v>
      </c>
      <c r="D94" s="11">
        <v>14422350827.530001</v>
      </c>
      <c r="E94" s="11">
        <v>2020255587.4300001</v>
      </c>
      <c r="F94" s="11">
        <v>5752238905.6800003</v>
      </c>
      <c r="G94" s="11">
        <v>8670111921.8500004</v>
      </c>
      <c r="H94" s="11">
        <v>1996606519.24</v>
      </c>
      <c r="I94" s="11">
        <v>4356975753.6899996</v>
      </c>
      <c r="J94" s="11">
        <v>10065375073.84</v>
      </c>
      <c r="K94" s="11">
        <v>3880468641.3899999</v>
      </c>
    </row>
    <row r="95" spans="1:11" x14ac:dyDescent="0.25">
      <c r="A95" s="3" t="s">
        <v>178</v>
      </c>
      <c r="B95" s="5" t="s">
        <v>179</v>
      </c>
      <c r="C95" s="11">
        <v>12265981200</v>
      </c>
      <c r="D95" s="11">
        <v>12212612340.200001</v>
      </c>
      <c r="E95" s="11">
        <v>1712280736.05</v>
      </c>
      <c r="F95" s="11">
        <v>5038263385.5900002</v>
      </c>
      <c r="G95" s="11">
        <v>7174348954.6099997</v>
      </c>
      <c r="H95" s="11">
        <v>1816494928.8</v>
      </c>
      <c r="I95" s="11">
        <v>4000971775.4000001</v>
      </c>
      <c r="J95" s="11">
        <v>8211640564.8000002</v>
      </c>
      <c r="K95" s="11">
        <v>3540289794.4299998</v>
      </c>
    </row>
    <row r="96" spans="1:11" x14ac:dyDescent="0.25">
      <c r="A96" s="2" t="s">
        <v>180</v>
      </c>
      <c r="B96" s="4" t="s">
        <v>181</v>
      </c>
      <c r="C96" s="12">
        <v>7543264600</v>
      </c>
      <c r="D96" s="12">
        <v>7404989022.8400002</v>
      </c>
      <c r="E96" s="12">
        <v>1189718452.05</v>
      </c>
      <c r="F96" s="12">
        <v>3558250113.8099999</v>
      </c>
      <c r="G96" s="12">
        <v>3846738909.0300002</v>
      </c>
      <c r="H96" s="12">
        <v>1302848053.98</v>
      </c>
      <c r="I96" s="12">
        <v>2986856066.9000001</v>
      </c>
      <c r="J96" s="12">
        <v>4418132955.9399996</v>
      </c>
      <c r="K96" s="12">
        <v>2629782599.1300001</v>
      </c>
    </row>
    <row r="97" spans="1:11" x14ac:dyDescent="0.25">
      <c r="A97" s="2" t="s">
        <v>182</v>
      </c>
      <c r="B97" s="4" t="s">
        <v>183</v>
      </c>
      <c r="C97" s="12">
        <v>514379700</v>
      </c>
      <c r="D97" s="12">
        <v>490181000</v>
      </c>
      <c r="E97" s="12">
        <v>22465006.649999999</v>
      </c>
      <c r="F97" s="12">
        <v>84232253.209999993</v>
      </c>
      <c r="G97" s="12">
        <v>405948746.79000002</v>
      </c>
      <c r="H97" s="12">
        <v>24721300.420000002</v>
      </c>
      <c r="I97" s="12">
        <v>78128677.680000007</v>
      </c>
      <c r="J97" s="12">
        <v>412052322.31999999</v>
      </c>
      <c r="K97" s="12">
        <v>78128677.680000007</v>
      </c>
    </row>
    <row r="98" spans="1:11" x14ac:dyDescent="0.25">
      <c r="A98" s="3" t="s">
        <v>184</v>
      </c>
      <c r="B98" s="5" t="s">
        <v>185</v>
      </c>
      <c r="C98" s="11">
        <v>4208336900</v>
      </c>
      <c r="D98" s="11">
        <v>4317442317.3599997</v>
      </c>
      <c r="E98" s="11">
        <v>500097277.35000002</v>
      </c>
      <c r="F98" s="11">
        <v>1395781018.5699999</v>
      </c>
      <c r="G98" s="11">
        <v>2921661298.79</v>
      </c>
      <c r="H98" s="11">
        <v>488925574.39999998</v>
      </c>
      <c r="I98" s="11">
        <v>935987030.82000005</v>
      </c>
      <c r="J98" s="11">
        <v>3381455286.54</v>
      </c>
      <c r="K98" s="11">
        <v>832378517.62</v>
      </c>
    </row>
    <row r="99" spans="1:11" x14ac:dyDescent="0.25">
      <c r="A99" s="2" t="s">
        <v>186</v>
      </c>
      <c r="B99" s="4" t="s">
        <v>187</v>
      </c>
      <c r="C99" s="12">
        <v>168000000</v>
      </c>
      <c r="D99" s="12">
        <v>168000000</v>
      </c>
      <c r="E99" s="12">
        <v>28000000</v>
      </c>
      <c r="F99" s="12">
        <v>70000000</v>
      </c>
      <c r="G99" s="12">
        <v>98000000</v>
      </c>
      <c r="H99" s="12">
        <v>28000000</v>
      </c>
      <c r="I99" s="12">
        <v>70000000</v>
      </c>
      <c r="J99" s="12">
        <v>98000000</v>
      </c>
      <c r="K99" s="12">
        <v>56000000</v>
      </c>
    </row>
    <row r="100" spans="1:11" x14ac:dyDescent="0.25">
      <c r="A100" s="2" t="s">
        <v>188</v>
      </c>
      <c r="B100" s="4" t="s">
        <v>189</v>
      </c>
      <c r="C100" s="12">
        <v>4040336900</v>
      </c>
      <c r="D100" s="12">
        <v>4149442317.3600001</v>
      </c>
      <c r="E100" s="12">
        <v>472097277.35000002</v>
      </c>
      <c r="F100" s="12">
        <v>1325781018.5699999</v>
      </c>
      <c r="G100" s="12">
        <v>2823661298.79</v>
      </c>
      <c r="H100" s="12">
        <v>460925574.39999998</v>
      </c>
      <c r="I100" s="12">
        <v>865987030.82000005</v>
      </c>
      <c r="J100" s="12">
        <v>3283455286.54</v>
      </c>
      <c r="K100" s="12">
        <v>776378517.62</v>
      </c>
    </row>
    <row r="101" spans="1:11" x14ac:dyDescent="0.25">
      <c r="A101" s="3" t="s">
        <v>190</v>
      </c>
      <c r="B101" s="5" t="s">
        <v>191</v>
      </c>
      <c r="C101" s="11">
        <v>2103134100</v>
      </c>
      <c r="D101" s="11">
        <v>2187922987.3299999</v>
      </c>
      <c r="E101" s="11">
        <v>307974851.38</v>
      </c>
      <c r="F101" s="11">
        <v>713975520.09000003</v>
      </c>
      <c r="G101" s="11">
        <v>1473947467.24</v>
      </c>
      <c r="H101" s="11">
        <v>180111590.44</v>
      </c>
      <c r="I101" s="11">
        <v>356003978.29000002</v>
      </c>
      <c r="J101" s="11">
        <v>1831919009.04</v>
      </c>
      <c r="K101" s="11">
        <v>340178846.95999998</v>
      </c>
    </row>
    <row r="102" spans="1:11" x14ac:dyDescent="0.25">
      <c r="A102" s="2" t="s">
        <v>192</v>
      </c>
      <c r="B102" s="4" t="s">
        <v>193</v>
      </c>
      <c r="C102" s="12">
        <v>1699782900</v>
      </c>
      <c r="D102" s="12">
        <v>1823733192.3299999</v>
      </c>
      <c r="E102" s="12">
        <v>297903069.75999999</v>
      </c>
      <c r="F102" s="12">
        <v>654382166.27999997</v>
      </c>
      <c r="G102" s="12">
        <v>1169351026.05</v>
      </c>
      <c r="H102" s="12">
        <v>161899841.13999999</v>
      </c>
      <c r="I102" s="12">
        <v>299450137.33999997</v>
      </c>
      <c r="J102" s="12">
        <v>1524283054.99</v>
      </c>
      <c r="K102" s="12">
        <v>283625006.00999999</v>
      </c>
    </row>
    <row r="103" spans="1:11" x14ac:dyDescent="0.25">
      <c r="A103" s="2" t="s">
        <v>194</v>
      </c>
      <c r="B103" s="4" t="s">
        <v>195</v>
      </c>
      <c r="C103" s="12">
        <v>2053100</v>
      </c>
      <c r="D103" s="12">
        <v>2491695</v>
      </c>
      <c r="E103" s="12">
        <v>0</v>
      </c>
      <c r="F103" s="12">
        <v>2314108.58</v>
      </c>
      <c r="G103" s="12">
        <v>177586.42</v>
      </c>
      <c r="H103" s="12">
        <v>0</v>
      </c>
      <c r="I103" s="12">
        <v>0</v>
      </c>
      <c r="J103" s="12">
        <v>2491695</v>
      </c>
      <c r="K103" s="12">
        <v>0</v>
      </c>
    </row>
    <row r="104" spans="1:11" x14ac:dyDescent="0.25">
      <c r="A104" s="2" t="s">
        <v>196</v>
      </c>
      <c r="B104" s="4" t="s">
        <v>197</v>
      </c>
      <c r="C104" s="12">
        <v>401298100</v>
      </c>
      <c r="D104" s="12">
        <v>361698100</v>
      </c>
      <c r="E104" s="12">
        <v>10071781.619999999</v>
      </c>
      <c r="F104" s="12">
        <v>57279245.229999997</v>
      </c>
      <c r="G104" s="12">
        <v>304418854.76999998</v>
      </c>
      <c r="H104" s="12">
        <v>18211749.300000001</v>
      </c>
      <c r="I104" s="12">
        <v>56553840.950000003</v>
      </c>
      <c r="J104" s="12">
        <v>305144259.05000001</v>
      </c>
      <c r="K104" s="12">
        <v>56553840.950000003</v>
      </c>
    </row>
    <row r="105" spans="1:11" x14ac:dyDescent="0.25">
      <c r="A105" s="2" t="s">
        <v>198</v>
      </c>
      <c r="B105" s="4" t="s">
        <v>199</v>
      </c>
      <c r="C105" s="12">
        <v>128000000</v>
      </c>
      <c r="D105" s="12">
        <v>21815500</v>
      </c>
      <c r="E105" s="12">
        <v>0</v>
      </c>
      <c r="F105" s="12">
        <v>0</v>
      </c>
      <c r="G105" s="12">
        <v>21815500</v>
      </c>
      <c r="H105" s="12">
        <v>0</v>
      </c>
      <c r="I105" s="12">
        <v>0</v>
      </c>
      <c r="J105" s="12">
        <v>21815500</v>
      </c>
      <c r="K105" s="12">
        <v>0</v>
      </c>
    </row>
    <row r="106" spans="1:11" x14ac:dyDescent="0.25">
      <c r="A106" s="2" t="s">
        <v>200</v>
      </c>
      <c r="B106" s="4" t="s">
        <v>201</v>
      </c>
      <c r="C106" s="12">
        <v>1303284700</v>
      </c>
      <c r="D106" s="12">
        <v>1589211472.8800001</v>
      </c>
      <c r="E106" s="12">
        <v>283522645</v>
      </c>
      <c r="F106" s="12">
        <v>801894455.16999996</v>
      </c>
      <c r="G106" s="12">
        <v>787317017.71000004</v>
      </c>
      <c r="H106" s="12">
        <v>307511264.95999998</v>
      </c>
      <c r="I106" s="12">
        <v>691548557.54999995</v>
      </c>
      <c r="J106" s="12">
        <v>897662915.33000004</v>
      </c>
      <c r="K106" s="12">
        <v>484729591.64999998</v>
      </c>
    </row>
    <row r="107" spans="1:11" x14ac:dyDescent="0.25">
      <c r="A107" s="3" t="s">
        <v>202</v>
      </c>
      <c r="B107" s="5" t="s">
        <v>203</v>
      </c>
      <c r="C107" s="11">
        <v>15800400000</v>
      </c>
      <c r="D107" s="11">
        <v>16011562300.41</v>
      </c>
      <c r="E107" s="11">
        <v>2303778232.4299998</v>
      </c>
      <c r="F107" s="11">
        <v>6554133360.8500004</v>
      </c>
      <c r="G107" s="11">
        <v>9457428939.5599995</v>
      </c>
      <c r="H107" s="11">
        <v>2304117784.1999998</v>
      </c>
      <c r="I107" s="11">
        <v>5048524311.2399998</v>
      </c>
      <c r="J107" s="11">
        <v>10963037989.17</v>
      </c>
      <c r="K107" s="11">
        <v>4365198233.04</v>
      </c>
    </row>
    <row r="108" spans="1:11" x14ac:dyDescent="0.25">
      <c r="A108" s="3" t="s">
        <v>204</v>
      </c>
      <c r="B108" s="5" t="s">
        <v>205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6</v>
      </c>
      <c r="B109" s="5" t="s">
        <v>207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08</v>
      </c>
      <c r="B110" s="4" t="s">
        <v>209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</row>
    <row r="111" spans="1:11" x14ac:dyDescent="0.25">
      <c r="A111" s="2" t="s">
        <v>210</v>
      </c>
      <c r="B111" s="4" t="s">
        <v>211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</row>
    <row r="112" spans="1:11" x14ac:dyDescent="0.25">
      <c r="A112" s="3" t="s">
        <v>212</v>
      </c>
      <c r="B112" s="5" t="s">
        <v>213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4</v>
      </c>
      <c r="B113" s="4" t="s">
        <v>209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</row>
    <row r="114" spans="1:11" x14ac:dyDescent="0.25">
      <c r="A114" s="2" t="s">
        <v>215</v>
      </c>
      <c r="B114" s="4" t="s">
        <v>211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</row>
    <row r="115" spans="1:11" x14ac:dyDescent="0.25">
      <c r="A115" s="3" t="s">
        <v>216</v>
      </c>
      <c r="B115" s="5" t="s">
        <v>217</v>
      </c>
      <c r="C115" s="11">
        <v>15800400000</v>
      </c>
      <c r="D115" s="11">
        <v>16011562300.41</v>
      </c>
      <c r="E115" s="11">
        <v>2303778232.4299998</v>
      </c>
      <c r="F115" s="11">
        <v>6554133360.8500004</v>
      </c>
      <c r="G115" s="11">
        <v>9457428939.5599995</v>
      </c>
      <c r="H115" s="11">
        <v>2304117784.1999998</v>
      </c>
      <c r="I115" s="11">
        <v>5048524311.2399998</v>
      </c>
      <c r="J115" s="11">
        <v>10963037989.17</v>
      </c>
      <c r="K115" s="11">
        <v>4365198233.04</v>
      </c>
    </row>
    <row r="116" spans="1:11" x14ac:dyDescent="0.25">
      <c r="A116" s="2" t="s">
        <v>218</v>
      </c>
      <c r="B116" s="4" t="s">
        <v>219</v>
      </c>
      <c r="C116" s="12">
        <v>0</v>
      </c>
      <c r="D116" s="12">
        <v>0</v>
      </c>
      <c r="E116" s="12">
        <v>0</v>
      </c>
      <c r="F116" s="12">
        <v>0</v>
      </c>
      <c r="G116" s="12">
        <v>0</v>
      </c>
      <c r="H116" s="12">
        <v>0</v>
      </c>
      <c r="I116" s="12">
        <v>227335648.71000001</v>
      </c>
      <c r="J116" s="12">
        <v>0</v>
      </c>
      <c r="K116" s="12">
        <v>910661726.90999997</v>
      </c>
    </row>
    <row r="117" spans="1:11" x14ac:dyDescent="0.25">
      <c r="A117" s="3" t="s">
        <v>220</v>
      </c>
      <c r="B117" s="5" t="s">
        <v>221</v>
      </c>
      <c r="C117" s="11">
        <v>15800400000</v>
      </c>
      <c r="D117" s="11">
        <v>16011562300.41</v>
      </c>
      <c r="E117" s="11">
        <v>2303778232.4299998</v>
      </c>
      <c r="F117" s="11">
        <v>6554133360.8500004</v>
      </c>
      <c r="G117" s="11">
        <v>9457428939.5599995</v>
      </c>
      <c r="H117" s="11">
        <v>2304117784.1999998</v>
      </c>
      <c r="I117" s="11">
        <v>5275859959.9499998</v>
      </c>
      <c r="J117" s="11">
        <v>10963037989.17</v>
      </c>
      <c r="K117" s="11">
        <v>5275859959.9499998</v>
      </c>
    </row>
    <row r="118" spans="1:11" x14ac:dyDescent="0.25">
      <c r="A118" s="2" t="s">
        <v>222</v>
      </c>
      <c r="B118" s="4" t="s">
        <v>223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</row>
    <row r="120" spans="1:11" x14ac:dyDescent="0.25">
      <c r="A120" s="10" t="s">
        <v>6</v>
      </c>
      <c r="B120" s="10" t="s">
        <v>224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1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1" x14ac:dyDescent="0.25">
      <c r="A122" s="3" t="s">
        <v>225</v>
      </c>
      <c r="B122" s="5" t="s">
        <v>226</v>
      </c>
      <c r="C122" s="11">
        <v>1331489100</v>
      </c>
      <c r="D122" s="11">
        <v>1331489100</v>
      </c>
      <c r="E122" s="11">
        <v>173406945.49000001</v>
      </c>
      <c r="F122" s="11">
        <v>13.02</v>
      </c>
      <c r="G122" s="11">
        <v>637988365.61000001</v>
      </c>
      <c r="H122" s="11">
        <v>47.92</v>
      </c>
      <c r="I122" s="11">
        <v>693500734.38999999</v>
      </c>
    </row>
    <row r="123" spans="1:11" x14ac:dyDescent="0.25">
      <c r="A123" s="3" t="s">
        <v>227</v>
      </c>
      <c r="B123" s="5" t="s">
        <v>228</v>
      </c>
      <c r="C123" s="11">
        <v>1331489100</v>
      </c>
      <c r="D123" s="11">
        <v>1331489100</v>
      </c>
      <c r="E123" s="11">
        <v>173406945.49000001</v>
      </c>
      <c r="F123" s="11">
        <v>13.02</v>
      </c>
      <c r="G123" s="11">
        <v>637988365.61000001</v>
      </c>
      <c r="H123" s="11">
        <v>47.92</v>
      </c>
      <c r="I123" s="11">
        <v>693500734.38999999</v>
      </c>
    </row>
    <row r="124" spans="1:11" x14ac:dyDescent="0.25">
      <c r="A124" s="3" t="s">
        <v>229</v>
      </c>
      <c r="B124" s="5" t="s">
        <v>230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1" x14ac:dyDescent="0.25">
      <c r="A125" s="2" t="s">
        <v>231</v>
      </c>
      <c r="B125" s="4" t="s">
        <v>232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1" x14ac:dyDescent="0.25">
      <c r="A126" s="2" t="s">
        <v>233</v>
      </c>
      <c r="B126" s="4" t="s">
        <v>234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1" x14ac:dyDescent="0.25">
      <c r="A127" s="2" t="s">
        <v>235</v>
      </c>
      <c r="B127" s="4" t="s">
        <v>236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1" x14ac:dyDescent="0.25">
      <c r="A128" s="3" t="s">
        <v>237</v>
      </c>
      <c r="B128" s="5" t="s">
        <v>238</v>
      </c>
      <c r="C128" s="11">
        <v>875448800</v>
      </c>
      <c r="D128" s="11">
        <v>875448800</v>
      </c>
      <c r="E128" s="11">
        <v>126949884.64</v>
      </c>
      <c r="F128" s="11">
        <v>14.5</v>
      </c>
      <c r="G128" s="11">
        <v>426241892.63999999</v>
      </c>
      <c r="H128" s="11">
        <v>48.69</v>
      </c>
      <c r="I128" s="11">
        <v>449206907.36000001</v>
      </c>
    </row>
    <row r="129" spans="1:9" x14ac:dyDescent="0.25">
      <c r="A129" s="2" t="s">
        <v>239</v>
      </c>
      <c r="B129" s="4" t="s">
        <v>240</v>
      </c>
      <c r="C129" s="12">
        <v>875448800</v>
      </c>
      <c r="D129" s="12">
        <v>875448800</v>
      </c>
      <c r="E129" s="12">
        <v>126949884.64</v>
      </c>
      <c r="F129" s="12">
        <v>14.5</v>
      </c>
      <c r="G129" s="12">
        <v>426241892.63999999</v>
      </c>
      <c r="H129" s="12">
        <v>48.69</v>
      </c>
      <c r="I129" s="12">
        <v>449206907.36000001</v>
      </c>
    </row>
    <row r="130" spans="1:9" x14ac:dyDescent="0.25">
      <c r="A130" s="2" t="s">
        <v>241</v>
      </c>
      <c r="B130" s="4" t="s">
        <v>242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3</v>
      </c>
      <c r="B131" s="4" t="s">
        <v>244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5</v>
      </c>
      <c r="B132" s="4" t="s">
        <v>246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7</v>
      </c>
      <c r="B133" s="5" t="s">
        <v>248</v>
      </c>
      <c r="C133" s="11">
        <v>28204400</v>
      </c>
      <c r="D133" s="11">
        <v>28204400</v>
      </c>
      <c r="E133" s="11">
        <v>4498248.28</v>
      </c>
      <c r="F133" s="11">
        <v>15.95</v>
      </c>
      <c r="G133" s="11">
        <v>8934760.9000000004</v>
      </c>
      <c r="H133" s="11">
        <v>31.68</v>
      </c>
      <c r="I133" s="11">
        <v>19269639.100000001</v>
      </c>
    </row>
    <row r="134" spans="1:9" x14ac:dyDescent="0.25">
      <c r="A134" s="2" t="s">
        <v>249</v>
      </c>
      <c r="B134" s="4" t="s">
        <v>250</v>
      </c>
      <c r="C134" s="12">
        <v>0</v>
      </c>
      <c r="D134" s="12">
        <v>0</v>
      </c>
      <c r="E134" s="12">
        <v>40512</v>
      </c>
      <c r="F134" s="12">
        <v>0</v>
      </c>
      <c r="G134" s="12">
        <v>41778</v>
      </c>
      <c r="H134" s="12">
        <v>0</v>
      </c>
      <c r="I134" s="12">
        <v>-41778</v>
      </c>
    </row>
    <row r="135" spans="1:9" x14ac:dyDescent="0.25">
      <c r="A135" s="2" t="s">
        <v>251</v>
      </c>
      <c r="B135" s="4" t="s">
        <v>252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3</v>
      </c>
      <c r="B136" s="4" t="s">
        <v>254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5</v>
      </c>
      <c r="B137" s="4" t="s">
        <v>256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7</v>
      </c>
      <c r="B138" s="4" t="s">
        <v>258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59</v>
      </c>
      <c r="B139" s="4" t="s">
        <v>260</v>
      </c>
      <c r="C139" s="12">
        <v>28204400</v>
      </c>
      <c r="D139" s="12">
        <v>28204400</v>
      </c>
      <c r="E139" s="12">
        <v>4457736.28</v>
      </c>
      <c r="F139" s="12">
        <v>15.81</v>
      </c>
      <c r="G139" s="12">
        <v>8892982.9000000004</v>
      </c>
      <c r="H139" s="12">
        <v>31.53</v>
      </c>
      <c r="I139" s="12">
        <v>19311417.100000001</v>
      </c>
    </row>
    <row r="140" spans="1:9" x14ac:dyDescent="0.25">
      <c r="A140" s="2" t="s">
        <v>261</v>
      </c>
      <c r="B140" s="4" t="s">
        <v>262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3</v>
      </c>
      <c r="B141" s="4" t="s">
        <v>264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5</v>
      </c>
      <c r="B142" s="4" t="s">
        <v>266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7</v>
      </c>
      <c r="B143" s="5" t="s">
        <v>268</v>
      </c>
      <c r="C143" s="11">
        <v>0</v>
      </c>
      <c r="D143" s="11">
        <v>0</v>
      </c>
      <c r="E143" s="11">
        <v>0</v>
      </c>
      <c r="F143" s="11">
        <v>0</v>
      </c>
      <c r="G143" s="11">
        <v>0</v>
      </c>
      <c r="H143" s="11">
        <v>0</v>
      </c>
      <c r="I143" s="11">
        <v>0</v>
      </c>
    </row>
    <row r="144" spans="1:9" x14ac:dyDescent="0.25">
      <c r="A144" s="2" t="s">
        <v>269</v>
      </c>
      <c r="B144" s="4" t="s">
        <v>270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  <c r="H144" s="12">
        <v>0</v>
      </c>
      <c r="I144" s="12">
        <v>0</v>
      </c>
    </row>
    <row r="145" spans="1:9" x14ac:dyDescent="0.25">
      <c r="A145" s="2" t="s">
        <v>271</v>
      </c>
      <c r="B145" s="4" t="s">
        <v>272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3</v>
      </c>
      <c r="B146" s="4" t="s">
        <v>274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5</v>
      </c>
      <c r="B147" s="4" t="s">
        <v>276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7</v>
      </c>
      <c r="B148" s="4" t="s">
        <v>278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79</v>
      </c>
      <c r="B149" s="5" t="s">
        <v>280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1</v>
      </c>
      <c r="B150" s="4" t="s">
        <v>282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3</v>
      </c>
      <c r="B151" s="4" t="s">
        <v>284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5</v>
      </c>
      <c r="B152" s="4" t="s">
        <v>286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7</v>
      </c>
      <c r="B153" s="4" t="s">
        <v>288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89</v>
      </c>
      <c r="B154" s="4" t="s">
        <v>290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1</v>
      </c>
      <c r="B155" s="4" t="s">
        <v>292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3</v>
      </c>
      <c r="B156" s="4" t="s">
        <v>294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5</v>
      </c>
      <c r="B157" s="4" t="s">
        <v>296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7</v>
      </c>
      <c r="B158" s="5" t="s">
        <v>298</v>
      </c>
      <c r="C158" s="11">
        <v>427835900</v>
      </c>
      <c r="D158" s="11">
        <v>427835900</v>
      </c>
      <c r="E158" s="11">
        <v>41958812.57</v>
      </c>
      <c r="F158" s="11">
        <v>9.81</v>
      </c>
      <c r="G158" s="11">
        <v>202811712.06999999</v>
      </c>
      <c r="H158" s="11">
        <v>47.4</v>
      </c>
      <c r="I158" s="11">
        <v>225024187.93000001</v>
      </c>
    </row>
    <row r="159" spans="1:9" x14ac:dyDescent="0.25">
      <c r="A159" s="2" t="s">
        <v>299</v>
      </c>
      <c r="B159" s="4" t="s">
        <v>300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1</v>
      </c>
      <c r="B160" s="4" t="s">
        <v>302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  <c r="H160" s="12">
        <v>0</v>
      </c>
      <c r="I160" s="12">
        <v>0</v>
      </c>
    </row>
    <row r="161" spans="1:9" x14ac:dyDescent="0.25">
      <c r="A161" s="2" t="s">
        <v>303</v>
      </c>
      <c r="B161" s="4" t="s">
        <v>304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5</v>
      </c>
      <c r="B162" s="4" t="s">
        <v>306</v>
      </c>
      <c r="C162" s="12">
        <v>427835900</v>
      </c>
      <c r="D162" s="12">
        <v>427835900</v>
      </c>
      <c r="E162" s="12">
        <v>41958812.57</v>
      </c>
      <c r="F162" s="12">
        <v>9.81</v>
      </c>
      <c r="G162" s="12">
        <v>202811712.06999999</v>
      </c>
      <c r="H162" s="12">
        <v>47.4</v>
      </c>
      <c r="I162" s="12">
        <v>225024187.93000001</v>
      </c>
    </row>
    <row r="163" spans="1:9" x14ac:dyDescent="0.25">
      <c r="A163" s="3" t="s">
        <v>307</v>
      </c>
      <c r="B163" s="5" t="s">
        <v>308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09</v>
      </c>
      <c r="B164" s="5" t="s">
        <v>310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1</v>
      </c>
      <c r="B165" s="4" t="s">
        <v>312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3</v>
      </c>
      <c r="B166" s="4" t="s">
        <v>314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5</v>
      </c>
      <c r="B167" s="5" t="s">
        <v>316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7</v>
      </c>
      <c r="B168" s="4" t="s">
        <v>318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19</v>
      </c>
      <c r="B169" s="4" t="s">
        <v>320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1</v>
      </c>
      <c r="B170" s="4" t="s">
        <v>322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3</v>
      </c>
      <c r="B171" s="4" t="s">
        <v>324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5</v>
      </c>
      <c r="B172" s="5" t="s">
        <v>326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7</v>
      </c>
      <c r="B173" s="4" t="s">
        <v>282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28</v>
      </c>
      <c r="B174" s="4" t="s">
        <v>284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29</v>
      </c>
      <c r="B175" s="4" t="s">
        <v>286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0</v>
      </c>
      <c r="B176" s="4" t="s">
        <v>288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1" x14ac:dyDescent="0.25">
      <c r="A177" s="2" t="s">
        <v>331</v>
      </c>
      <c r="B177" s="4" t="s">
        <v>290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1" x14ac:dyDescent="0.25">
      <c r="A178" s="2" t="s">
        <v>332</v>
      </c>
      <c r="B178" s="4" t="s">
        <v>292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1" x14ac:dyDescent="0.25">
      <c r="A179" s="2" t="s">
        <v>333</v>
      </c>
      <c r="B179" s="4" t="s">
        <v>294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1" x14ac:dyDescent="0.25">
      <c r="A180" s="2" t="s">
        <v>334</v>
      </c>
      <c r="B180" s="4" t="s">
        <v>296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1" x14ac:dyDescent="0.25">
      <c r="A181" s="3" t="s">
        <v>335</v>
      </c>
      <c r="B181" s="5" t="s">
        <v>336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1" x14ac:dyDescent="0.25">
      <c r="A182" s="2" t="s">
        <v>337</v>
      </c>
      <c r="B182" s="4" t="s">
        <v>338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1" x14ac:dyDescent="0.25">
      <c r="A183" s="2" t="s">
        <v>339</v>
      </c>
      <c r="B183" s="4" t="s">
        <v>340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1" x14ac:dyDescent="0.25">
      <c r="A184" s="2" t="s">
        <v>341</v>
      </c>
      <c r="B184" s="4" t="s">
        <v>342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1" x14ac:dyDescent="0.25">
      <c r="A185" s="2" t="s">
        <v>343</v>
      </c>
      <c r="B185" s="4" t="s">
        <v>344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1" x14ac:dyDescent="0.25">
      <c r="A187" s="10" t="s">
        <v>6</v>
      </c>
      <c r="B187" s="10" t="s">
        <v>345</v>
      </c>
      <c r="C187" s="10" t="s">
        <v>166</v>
      </c>
      <c r="D187" s="10" t="s">
        <v>167</v>
      </c>
      <c r="E187" s="10" t="s">
        <v>168</v>
      </c>
      <c r="F187" s="10" t="s">
        <v>7</v>
      </c>
      <c r="G187" s="10" t="s">
        <v>171</v>
      </c>
      <c r="H187" s="10" t="s">
        <v>172</v>
      </c>
      <c r="I187" s="10" t="s">
        <v>7</v>
      </c>
      <c r="J187" s="10" t="s">
        <v>174</v>
      </c>
      <c r="K187" s="10" t="s">
        <v>175</v>
      </c>
    </row>
    <row r="188" spans="1:11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69</v>
      </c>
      <c r="F188" s="1" t="s">
        <v>170</v>
      </c>
      <c r="G188" s="10" t="s">
        <v>7</v>
      </c>
      <c r="H188" s="1" t="s">
        <v>169</v>
      </c>
      <c r="I188" s="1" t="s">
        <v>173</v>
      </c>
      <c r="J188" s="10" t="s">
        <v>7</v>
      </c>
      <c r="K188" s="10" t="s">
        <v>7</v>
      </c>
    </row>
    <row r="189" spans="1:11" x14ac:dyDescent="0.25">
      <c r="A189" s="3" t="s">
        <v>346</v>
      </c>
      <c r="B189" s="5" t="s">
        <v>347</v>
      </c>
      <c r="C189" s="11">
        <v>1303284700</v>
      </c>
      <c r="D189" s="11">
        <v>1589211472.8800001</v>
      </c>
      <c r="E189" s="11">
        <v>283522645</v>
      </c>
      <c r="F189" s="11">
        <v>801894455.16999996</v>
      </c>
      <c r="G189" s="11">
        <v>787317017.71000004</v>
      </c>
      <c r="H189" s="11">
        <v>307511264.95999998</v>
      </c>
      <c r="I189" s="11">
        <v>691548557.54999995</v>
      </c>
      <c r="J189" s="11">
        <v>897662915.33000004</v>
      </c>
      <c r="K189" s="11">
        <v>484729591.64999998</v>
      </c>
    </row>
    <row r="190" spans="1:11" x14ac:dyDescent="0.25">
      <c r="A190" s="3" t="s">
        <v>348</v>
      </c>
      <c r="B190" s="5" t="s">
        <v>349</v>
      </c>
      <c r="C190" s="11">
        <v>1303284700</v>
      </c>
      <c r="D190" s="11">
        <v>1589211472.8800001</v>
      </c>
      <c r="E190" s="11">
        <v>283522645</v>
      </c>
      <c r="F190" s="11">
        <v>801894455.16999996</v>
      </c>
      <c r="G190" s="11">
        <v>787317017.71000004</v>
      </c>
      <c r="H190" s="11">
        <v>307511264.95999998</v>
      </c>
      <c r="I190" s="11">
        <v>691548557.54999995</v>
      </c>
      <c r="J190" s="11">
        <v>897662915.33000004</v>
      </c>
      <c r="K190" s="11">
        <v>484729591.64999998</v>
      </c>
    </row>
    <row r="191" spans="1:11" x14ac:dyDescent="0.25">
      <c r="A191" s="2" t="s">
        <v>350</v>
      </c>
      <c r="B191" s="4" t="s">
        <v>351</v>
      </c>
      <c r="C191" s="12">
        <v>1157913100</v>
      </c>
      <c r="D191" s="12">
        <v>1437031782.1600001</v>
      </c>
      <c r="E191" s="12">
        <v>276907199.30000001</v>
      </c>
      <c r="F191" s="12">
        <v>740404850.99000001</v>
      </c>
      <c r="G191" s="12">
        <v>696626931.16999996</v>
      </c>
      <c r="H191" s="12">
        <v>292597333.42000002</v>
      </c>
      <c r="I191" s="12">
        <v>661317139.16999996</v>
      </c>
      <c r="J191" s="12">
        <v>775714642.99000001</v>
      </c>
      <c r="K191" s="12">
        <v>461821883.73000002</v>
      </c>
    </row>
    <row r="192" spans="1:11" x14ac:dyDescent="0.25">
      <c r="A192" s="2" t="s">
        <v>352</v>
      </c>
      <c r="B192" s="4" t="s">
        <v>353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</row>
    <row r="193" spans="1:11" x14ac:dyDescent="0.25">
      <c r="A193" s="2" t="s">
        <v>354</v>
      </c>
      <c r="B193" s="4" t="s">
        <v>355</v>
      </c>
      <c r="C193" s="12">
        <v>145371600</v>
      </c>
      <c r="D193" s="12">
        <v>152179690.72</v>
      </c>
      <c r="E193" s="12">
        <v>6615445.7000000002</v>
      </c>
      <c r="F193" s="12">
        <v>61489604.18</v>
      </c>
      <c r="G193" s="12">
        <v>90690086.540000007</v>
      </c>
      <c r="H193" s="12">
        <v>14913931.539999999</v>
      </c>
      <c r="I193" s="12">
        <v>30231418.379999999</v>
      </c>
      <c r="J193" s="12">
        <v>121948272.34</v>
      </c>
      <c r="K193" s="12">
        <v>22907707.920000002</v>
      </c>
    </row>
    <row r="194" spans="1:11" x14ac:dyDescent="0.25">
      <c r="A194" s="3" t="s">
        <v>356</v>
      </c>
      <c r="B194" s="5" t="s">
        <v>357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</row>
    <row r="195" spans="1:11" x14ac:dyDescent="0.25">
      <c r="A195" s="2" t="s">
        <v>358</v>
      </c>
      <c r="B195" s="4" t="s">
        <v>359</v>
      </c>
      <c r="C195" s="12">
        <v>0</v>
      </c>
      <c r="D195" s="12">
        <v>0</v>
      </c>
      <c r="E195" s="12">
        <v>0</v>
      </c>
      <c r="F195" s="12">
        <v>0</v>
      </c>
      <c r="G195" s="12">
        <v>0</v>
      </c>
      <c r="H195" s="12">
        <v>0</v>
      </c>
      <c r="I195" s="12">
        <v>0</v>
      </c>
      <c r="J195" s="12">
        <v>0</v>
      </c>
      <c r="K195" s="12">
        <v>0</v>
      </c>
    </row>
    <row r="196" spans="1:11" x14ac:dyDescent="0.25">
      <c r="A196" s="2" t="s">
        <v>360</v>
      </c>
      <c r="B196" s="4" t="s">
        <v>361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</row>
    <row r="197" spans="1:11" x14ac:dyDescent="0.25">
      <c r="A197" s="2" t="s">
        <v>362</v>
      </c>
      <c r="B197" s="4" t="s">
        <v>363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</row>
    <row r="198" spans="1:11" x14ac:dyDescent="0.25">
      <c r="A198" s="2" t="s">
        <v>364</v>
      </c>
      <c r="B198" s="4" t="s">
        <v>365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114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115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116</v>
      </c>
      <c r="C10" s="10" t="s">
        <v>1080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8</v>
      </c>
      <c r="C12" s="12">
        <v>0</v>
      </c>
    </row>
    <row r="13" spans="1:6" x14ac:dyDescent="0.25">
      <c r="A13" s="2" t="s">
        <v>19</v>
      </c>
      <c r="B13" s="4" t="s">
        <v>1117</v>
      </c>
      <c r="C13" s="12">
        <v>15800400000</v>
      </c>
    </row>
    <row r="14" spans="1:6" x14ac:dyDescent="0.25">
      <c r="A14" s="2" t="s">
        <v>21</v>
      </c>
      <c r="B14" s="4" t="s">
        <v>1118</v>
      </c>
      <c r="C14" s="12">
        <v>15922068806.76</v>
      </c>
    </row>
    <row r="15" spans="1:6" x14ac:dyDescent="0.25">
      <c r="A15" s="2" t="s">
        <v>23</v>
      </c>
      <c r="B15" s="4" t="s">
        <v>1119</v>
      </c>
      <c r="C15" s="12">
        <v>5275859959.9499998</v>
      </c>
    </row>
    <row r="16" spans="1:6" x14ac:dyDescent="0.25">
      <c r="A16" s="2" t="s">
        <v>25</v>
      </c>
      <c r="B16" s="4" t="s">
        <v>1120</v>
      </c>
      <c r="C16" s="12">
        <v>0</v>
      </c>
    </row>
    <row r="17" spans="1:3" x14ac:dyDescent="0.25">
      <c r="A17" s="2" t="s">
        <v>27</v>
      </c>
      <c r="B17" s="4" t="s">
        <v>1121</v>
      </c>
      <c r="C17" s="12">
        <v>89493493.650000006</v>
      </c>
    </row>
    <row r="18" spans="1:3" x14ac:dyDescent="0.25">
      <c r="A18" s="2" t="s">
        <v>29</v>
      </c>
      <c r="B18" s="4" t="s">
        <v>165</v>
      </c>
      <c r="C18" s="12">
        <v>0</v>
      </c>
    </row>
    <row r="19" spans="1:3" x14ac:dyDescent="0.25">
      <c r="A19" s="2" t="s">
        <v>31</v>
      </c>
      <c r="B19" s="4" t="s">
        <v>1122</v>
      </c>
      <c r="C19" s="12">
        <v>15800400000</v>
      </c>
    </row>
    <row r="20" spans="1:3" x14ac:dyDescent="0.25">
      <c r="A20" s="2" t="s">
        <v>33</v>
      </c>
      <c r="B20" s="4" t="s">
        <v>1123</v>
      </c>
      <c r="C20" s="12">
        <v>16011562300.41</v>
      </c>
    </row>
    <row r="21" spans="1:3" x14ac:dyDescent="0.25">
      <c r="A21" s="2" t="s">
        <v>35</v>
      </c>
      <c r="B21" s="4" t="s">
        <v>1124</v>
      </c>
      <c r="C21" s="12">
        <v>6554133360.8500004</v>
      </c>
    </row>
    <row r="22" spans="1:3" x14ac:dyDescent="0.25">
      <c r="A22" s="2" t="s">
        <v>37</v>
      </c>
      <c r="B22" s="4" t="s">
        <v>1125</v>
      </c>
      <c r="C22" s="12">
        <v>5048524311.2399998</v>
      </c>
    </row>
    <row r="23" spans="1:3" x14ac:dyDescent="0.25">
      <c r="A23" s="2" t="s">
        <v>39</v>
      </c>
      <c r="B23" s="4" t="s">
        <v>1126</v>
      </c>
      <c r="C23" s="12">
        <v>4365198233.04</v>
      </c>
    </row>
    <row r="24" spans="1:3" x14ac:dyDescent="0.25">
      <c r="A24" s="2" t="s">
        <v>41</v>
      </c>
      <c r="B24" s="4" t="s">
        <v>1127</v>
      </c>
      <c r="C24" s="12">
        <v>227335648.71000001</v>
      </c>
    </row>
    <row r="26" spans="1:3" x14ac:dyDescent="0.25">
      <c r="A26" s="10" t="s">
        <v>6</v>
      </c>
      <c r="B26" s="10" t="s">
        <v>1128</v>
      </c>
      <c r="C26" s="10" t="s">
        <v>1080</v>
      </c>
    </row>
    <row r="27" spans="1:3" x14ac:dyDescent="0.25">
      <c r="A27" s="10" t="s">
        <v>7</v>
      </c>
      <c r="B27" s="10" t="s">
        <v>7</v>
      </c>
      <c r="C27" s="10" t="s">
        <v>7</v>
      </c>
    </row>
    <row r="28" spans="1:3" x14ac:dyDescent="0.25">
      <c r="A28" s="2" t="s">
        <v>43</v>
      </c>
      <c r="B28" s="4" t="s">
        <v>168</v>
      </c>
      <c r="C28" s="12">
        <v>6554133360.8500004</v>
      </c>
    </row>
    <row r="29" spans="1:3" x14ac:dyDescent="0.25">
      <c r="A29" s="2" t="s">
        <v>45</v>
      </c>
      <c r="B29" s="4" t="s">
        <v>172</v>
      </c>
      <c r="C29" s="12">
        <v>5048524311.2399998</v>
      </c>
    </row>
    <row r="31" spans="1:3" x14ac:dyDescent="0.25">
      <c r="A31" s="10" t="s">
        <v>6</v>
      </c>
      <c r="B31" s="10" t="s">
        <v>1129</v>
      </c>
      <c r="C31" s="10" t="s">
        <v>1080</v>
      </c>
    </row>
    <row r="32" spans="1:3" x14ac:dyDescent="0.25">
      <c r="A32" s="10" t="s">
        <v>7</v>
      </c>
      <c r="B32" s="10" t="s">
        <v>7</v>
      </c>
      <c r="C32" s="10" t="s">
        <v>7</v>
      </c>
    </row>
    <row r="33" spans="1:3" x14ac:dyDescent="0.25">
      <c r="A33" s="2" t="s">
        <v>47</v>
      </c>
      <c r="B33" s="4" t="s">
        <v>1130</v>
      </c>
      <c r="C33" s="12">
        <v>12742182036.690001</v>
      </c>
    </row>
    <row r="34" spans="1:3" x14ac:dyDescent="0.25">
      <c r="A34" s="2" t="s">
        <v>49</v>
      </c>
      <c r="B34" s="4" t="s">
        <v>1131</v>
      </c>
      <c r="C34" s="12">
        <v>12737043579.190001</v>
      </c>
    </row>
    <row r="35" spans="1:3" x14ac:dyDescent="0.25">
      <c r="A35" s="2" t="s">
        <v>51</v>
      </c>
      <c r="B35" s="4" t="s">
        <v>1132</v>
      </c>
      <c r="C35" s="12">
        <v>12737043579.190001</v>
      </c>
    </row>
    <row r="37" spans="1:3" x14ac:dyDescent="0.25">
      <c r="A37" s="10" t="s">
        <v>6</v>
      </c>
      <c r="B37" s="10" t="s">
        <v>1133</v>
      </c>
      <c r="C37" s="10" t="s">
        <v>1080</v>
      </c>
    </row>
    <row r="38" spans="1:3" x14ac:dyDescent="0.25">
      <c r="A38" s="10" t="s">
        <v>7</v>
      </c>
      <c r="B38" s="10" t="s">
        <v>7</v>
      </c>
      <c r="C38" s="10" t="s">
        <v>7</v>
      </c>
    </row>
    <row r="39" spans="1:3" x14ac:dyDescent="0.25">
      <c r="A39" s="2" t="s">
        <v>53</v>
      </c>
      <c r="B39" s="4" t="s">
        <v>1134</v>
      </c>
      <c r="C39" s="12">
        <v>0</v>
      </c>
    </row>
    <row r="40" spans="1:3" x14ac:dyDescent="0.25">
      <c r="A40" s="2" t="s">
        <v>55</v>
      </c>
      <c r="B40" s="4" t="s">
        <v>1135</v>
      </c>
      <c r="C40" s="12">
        <v>601917506.80999994</v>
      </c>
    </row>
    <row r="41" spans="1:3" x14ac:dyDescent="0.25">
      <c r="A41" s="2" t="s">
        <v>57</v>
      </c>
      <c r="B41" s="4" t="s">
        <v>1136</v>
      </c>
      <c r="C41" s="12">
        <v>1445654950.8699999</v>
      </c>
    </row>
    <row r="42" spans="1:3" x14ac:dyDescent="0.25">
      <c r="A42" s="2" t="s">
        <v>59</v>
      </c>
      <c r="B42" s="4" t="s">
        <v>1137</v>
      </c>
      <c r="C42" s="12">
        <v>1398208118.04</v>
      </c>
    </row>
    <row r="43" spans="1:3" x14ac:dyDescent="0.25">
      <c r="A43" s="2" t="s">
        <v>61</v>
      </c>
      <c r="B43" s="4" t="s">
        <v>1138</v>
      </c>
      <c r="C43" s="12">
        <v>-796290611.23000002</v>
      </c>
    </row>
    <row r="44" spans="1:3" x14ac:dyDescent="0.25">
      <c r="A44" s="2" t="s">
        <v>63</v>
      </c>
      <c r="B44" s="4" t="s">
        <v>1139</v>
      </c>
      <c r="C44" s="12">
        <v>0</v>
      </c>
    </row>
    <row r="45" spans="1:3" x14ac:dyDescent="0.25">
      <c r="A45" s="2" t="s">
        <v>65</v>
      </c>
      <c r="B45" s="4" t="s">
        <v>1135</v>
      </c>
      <c r="C45" s="12">
        <v>0</v>
      </c>
    </row>
    <row r="46" spans="1:3" x14ac:dyDescent="0.25">
      <c r="A46" s="2" t="s">
        <v>67</v>
      </c>
      <c r="B46" s="4" t="s">
        <v>1136</v>
      </c>
      <c r="C46" s="12">
        <v>0</v>
      </c>
    </row>
    <row r="47" spans="1:3" x14ac:dyDescent="0.25">
      <c r="A47" s="2" t="s">
        <v>69</v>
      </c>
      <c r="B47" s="4" t="s">
        <v>1137</v>
      </c>
      <c r="C47" s="12">
        <v>0</v>
      </c>
    </row>
    <row r="48" spans="1:3" x14ac:dyDescent="0.25">
      <c r="A48" s="2" t="s">
        <v>71</v>
      </c>
      <c r="B48" s="4" t="s">
        <v>1138</v>
      </c>
      <c r="C48" s="12">
        <v>0</v>
      </c>
    </row>
    <row r="50" spans="1:6" x14ac:dyDescent="0.25">
      <c r="A50" s="10" t="s">
        <v>6</v>
      </c>
      <c r="B50" s="10" t="s">
        <v>1140</v>
      </c>
      <c r="C50" s="10" t="s">
        <v>1141</v>
      </c>
      <c r="D50" s="10" t="s">
        <v>1142</v>
      </c>
      <c r="E50" s="10" t="s">
        <v>1143</v>
      </c>
    </row>
    <row r="51" spans="1:6" x14ac:dyDescent="0.25">
      <c r="A51" s="10" t="s">
        <v>7</v>
      </c>
      <c r="B51" s="10" t="s">
        <v>7</v>
      </c>
      <c r="C51" s="10" t="s">
        <v>7</v>
      </c>
      <c r="D51" s="10" t="s">
        <v>7</v>
      </c>
      <c r="E51" s="10" t="s">
        <v>7</v>
      </c>
    </row>
    <row r="52" spans="1:6" x14ac:dyDescent="0.25">
      <c r="A52" s="2" t="s">
        <v>73</v>
      </c>
      <c r="B52" s="4" t="s">
        <v>1144</v>
      </c>
      <c r="C52" s="12">
        <v>799683900</v>
      </c>
      <c r="D52" s="12">
        <v>440088505.27999997</v>
      </c>
      <c r="E52" s="12">
        <v>55.03</v>
      </c>
    </row>
    <row r="53" spans="1:6" x14ac:dyDescent="0.25">
      <c r="A53" s="2" t="s">
        <v>75</v>
      </c>
      <c r="B53" s="4" t="s">
        <v>1145</v>
      </c>
      <c r="C53" s="12">
        <v>285304200</v>
      </c>
      <c r="D53" s="12">
        <v>341942413.48000002</v>
      </c>
      <c r="E53" s="12">
        <v>119.85</v>
      </c>
    </row>
    <row r="55" spans="1:6" x14ac:dyDescent="0.25">
      <c r="A55" s="10" t="s">
        <v>6</v>
      </c>
      <c r="B55" s="10" t="s">
        <v>1146</v>
      </c>
      <c r="C55" s="10" t="s">
        <v>1147</v>
      </c>
      <c r="D55" s="10" t="s">
        <v>1148</v>
      </c>
      <c r="E55" s="10" t="s">
        <v>1149</v>
      </c>
      <c r="F55" s="10" t="s">
        <v>1150</v>
      </c>
    </row>
    <row r="56" spans="1:6" x14ac:dyDescent="0.25">
      <c r="A56" s="10" t="s">
        <v>7</v>
      </c>
      <c r="B56" s="10" t="s">
        <v>7</v>
      </c>
      <c r="C56" s="10" t="s">
        <v>7</v>
      </c>
      <c r="D56" s="10" t="s">
        <v>7</v>
      </c>
      <c r="E56" s="10" t="s">
        <v>7</v>
      </c>
      <c r="F56" s="10" t="s">
        <v>7</v>
      </c>
    </row>
    <row r="57" spans="1:6" x14ac:dyDescent="0.25">
      <c r="A57" s="3" t="s">
        <v>77</v>
      </c>
      <c r="B57" s="5" t="s">
        <v>1151</v>
      </c>
      <c r="C57" s="11">
        <v>540818527.76999998</v>
      </c>
      <c r="D57" s="11">
        <v>11983278.550000001</v>
      </c>
      <c r="E57" s="11">
        <v>416177656.82999998</v>
      </c>
      <c r="F57" s="11">
        <v>112657592.39</v>
      </c>
    </row>
    <row r="58" spans="1:6" x14ac:dyDescent="0.25">
      <c r="A58" s="2" t="s">
        <v>79</v>
      </c>
      <c r="B58" s="4" t="s">
        <v>1152</v>
      </c>
      <c r="C58" s="12">
        <v>476297866.17000002</v>
      </c>
      <c r="D58" s="12">
        <v>11983278.189999999</v>
      </c>
      <c r="E58" s="12">
        <v>351657050.41000003</v>
      </c>
      <c r="F58" s="12">
        <v>112657537.56999999</v>
      </c>
    </row>
    <row r="59" spans="1:6" x14ac:dyDescent="0.25">
      <c r="A59" s="2" t="s">
        <v>81</v>
      </c>
      <c r="B59" s="4" t="s">
        <v>1153</v>
      </c>
      <c r="C59" s="12">
        <v>14280975.529999999</v>
      </c>
      <c r="D59" s="12">
        <v>0</v>
      </c>
      <c r="E59" s="12">
        <v>14280975.529999999</v>
      </c>
      <c r="F59" s="12">
        <v>0</v>
      </c>
    </row>
    <row r="60" spans="1:6" x14ac:dyDescent="0.25">
      <c r="A60" s="2" t="s">
        <v>83</v>
      </c>
      <c r="B60" s="4" t="s">
        <v>1154</v>
      </c>
      <c r="C60" s="12">
        <v>46663077.07</v>
      </c>
      <c r="D60" s="12">
        <v>0.36</v>
      </c>
      <c r="E60" s="12">
        <v>46663021.890000001</v>
      </c>
      <c r="F60" s="12">
        <v>54.82</v>
      </c>
    </row>
    <row r="61" spans="1:6" x14ac:dyDescent="0.25">
      <c r="A61" s="2" t="s">
        <v>85</v>
      </c>
      <c r="B61" s="4" t="s">
        <v>1155</v>
      </c>
      <c r="C61" s="12">
        <v>894376.95</v>
      </c>
      <c r="D61" s="12">
        <v>0</v>
      </c>
      <c r="E61" s="12">
        <v>894376.95</v>
      </c>
      <c r="F61" s="12">
        <v>0</v>
      </c>
    </row>
    <row r="62" spans="1:6" x14ac:dyDescent="0.25">
      <c r="A62" s="2" t="s">
        <v>87</v>
      </c>
      <c r="B62" s="4" t="s">
        <v>1156</v>
      </c>
      <c r="C62" s="12">
        <v>2682232.0499999998</v>
      </c>
      <c r="D62" s="12">
        <v>0</v>
      </c>
      <c r="E62" s="12">
        <v>2682232.0499999998</v>
      </c>
      <c r="F62" s="12">
        <v>0</v>
      </c>
    </row>
    <row r="63" spans="1:6" x14ac:dyDescent="0.25">
      <c r="A63" s="3" t="s">
        <v>89</v>
      </c>
      <c r="B63" s="5" t="s">
        <v>1157</v>
      </c>
      <c r="C63" s="11">
        <v>408566314.06999999</v>
      </c>
      <c r="D63" s="11">
        <v>31561400.510000002</v>
      </c>
      <c r="E63" s="11">
        <v>153231718.09999999</v>
      </c>
      <c r="F63" s="11">
        <v>223773195.46000001</v>
      </c>
    </row>
    <row r="64" spans="1:6" x14ac:dyDescent="0.25">
      <c r="A64" s="2" t="s">
        <v>91</v>
      </c>
      <c r="B64" s="4" t="s">
        <v>1152</v>
      </c>
      <c r="C64" s="12">
        <v>357784917.91000003</v>
      </c>
      <c r="D64" s="12">
        <v>23041663.039999999</v>
      </c>
      <c r="E64" s="12">
        <v>126022390.03</v>
      </c>
      <c r="F64" s="12">
        <v>208720864.84</v>
      </c>
    </row>
    <row r="65" spans="1:6" x14ac:dyDescent="0.25">
      <c r="A65" s="2" t="s">
        <v>93</v>
      </c>
      <c r="B65" s="4" t="s">
        <v>1153</v>
      </c>
      <c r="C65" s="12">
        <v>4208130.9400000004</v>
      </c>
      <c r="D65" s="12">
        <v>1325936.0900000001</v>
      </c>
      <c r="E65" s="12">
        <v>2655208.65</v>
      </c>
      <c r="F65" s="12">
        <v>226986.2</v>
      </c>
    </row>
    <row r="66" spans="1:6" x14ac:dyDescent="0.25">
      <c r="A66" s="2" t="s">
        <v>95</v>
      </c>
      <c r="B66" s="4" t="s">
        <v>1154</v>
      </c>
      <c r="C66" s="12">
        <v>20106935.5</v>
      </c>
      <c r="D66" s="12">
        <v>6853021.1799999997</v>
      </c>
      <c r="E66" s="12">
        <v>10977477.619999999</v>
      </c>
      <c r="F66" s="12">
        <v>2276436.7000000002</v>
      </c>
    </row>
    <row r="67" spans="1:6" x14ac:dyDescent="0.25">
      <c r="A67" s="2" t="s">
        <v>97</v>
      </c>
      <c r="B67" s="4" t="s">
        <v>1155</v>
      </c>
      <c r="C67" s="12">
        <v>25096110.82</v>
      </c>
      <c r="D67" s="12">
        <v>200564.93</v>
      </c>
      <c r="E67" s="12">
        <v>12613488.52</v>
      </c>
      <c r="F67" s="12">
        <v>12282057.369999999</v>
      </c>
    </row>
    <row r="68" spans="1:6" x14ac:dyDescent="0.25">
      <c r="A68" s="2" t="s">
        <v>99</v>
      </c>
      <c r="B68" s="4" t="s">
        <v>1156</v>
      </c>
      <c r="C68" s="12">
        <v>1370218.9</v>
      </c>
      <c r="D68" s="12">
        <v>140215.26999999999</v>
      </c>
      <c r="E68" s="12">
        <v>963153.28</v>
      </c>
      <c r="F68" s="12">
        <v>266850.34999999998</v>
      </c>
    </row>
    <row r="69" spans="1:6" x14ac:dyDescent="0.25">
      <c r="A69" s="3" t="s">
        <v>101</v>
      </c>
      <c r="B69" s="5" t="s">
        <v>1158</v>
      </c>
      <c r="C69" s="11">
        <v>949384841.84000003</v>
      </c>
      <c r="D69" s="11">
        <v>43544679.060000002</v>
      </c>
      <c r="E69" s="11">
        <v>569409374.92999995</v>
      </c>
      <c r="F69" s="11">
        <v>336430787.85000002</v>
      </c>
    </row>
    <row r="71" spans="1:6" x14ac:dyDescent="0.25">
      <c r="A71" s="10" t="s">
        <v>6</v>
      </c>
      <c r="B71" s="10" t="s">
        <v>1159</v>
      </c>
      <c r="C71" s="10" t="s">
        <v>1160</v>
      </c>
      <c r="D71" s="10" t="s">
        <v>1161</v>
      </c>
      <c r="E71" s="10" t="s">
        <v>1161</v>
      </c>
    </row>
    <row r="72" spans="1:6" ht="21" x14ac:dyDescent="0.25">
      <c r="A72" s="10" t="s">
        <v>7</v>
      </c>
      <c r="B72" s="10" t="s">
        <v>7</v>
      </c>
      <c r="C72" s="10" t="s">
        <v>7</v>
      </c>
      <c r="D72" s="1" t="s">
        <v>1162</v>
      </c>
      <c r="E72" s="1" t="s">
        <v>1163</v>
      </c>
    </row>
    <row r="73" spans="1:6" x14ac:dyDescent="0.25">
      <c r="A73" s="2" t="s">
        <v>103</v>
      </c>
      <c r="B73" s="4" t="s">
        <v>1164</v>
      </c>
      <c r="C73" s="12">
        <v>1030720865.49</v>
      </c>
      <c r="D73" s="12">
        <v>25</v>
      </c>
      <c r="E73" s="12">
        <v>29.1</v>
      </c>
    </row>
    <row r="74" spans="1:6" x14ac:dyDescent="0.25">
      <c r="A74" s="2" t="s">
        <v>105</v>
      </c>
      <c r="B74" s="4" t="s">
        <v>1165</v>
      </c>
      <c r="C74" s="12">
        <v>330177477.25999999</v>
      </c>
      <c r="D74" s="12">
        <v>60</v>
      </c>
      <c r="E74" s="12">
        <v>83.24</v>
      </c>
    </row>
    <row r="75" spans="1:6" x14ac:dyDescent="0.25">
      <c r="A75" s="2" t="s">
        <v>107</v>
      </c>
      <c r="B75" s="4" t="s">
        <v>1166</v>
      </c>
      <c r="C75" s="12">
        <v>0</v>
      </c>
      <c r="D75" s="12">
        <v>60</v>
      </c>
      <c r="E75" s="12">
        <v>0</v>
      </c>
    </row>
    <row r="76" spans="1:6" x14ac:dyDescent="0.25">
      <c r="A76" s="2" t="s">
        <v>109</v>
      </c>
      <c r="B76" s="4" t="s">
        <v>1167</v>
      </c>
      <c r="C76" s="12">
        <v>0</v>
      </c>
      <c r="D76" s="12">
        <v>0</v>
      </c>
      <c r="E76" s="12">
        <v>0</v>
      </c>
    </row>
    <row r="78" spans="1:6" x14ac:dyDescent="0.25">
      <c r="A78" s="10" t="s">
        <v>6</v>
      </c>
      <c r="B78" s="10" t="s">
        <v>1168</v>
      </c>
      <c r="C78" s="10" t="s">
        <v>1160</v>
      </c>
      <c r="D78" s="10" t="s">
        <v>1169</v>
      </c>
    </row>
    <row r="79" spans="1:6" x14ac:dyDescent="0.25">
      <c r="A79" s="10" t="s">
        <v>7</v>
      </c>
      <c r="B79" s="10" t="s">
        <v>7</v>
      </c>
      <c r="C79" s="10" t="s">
        <v>7</v>
      </c>
      <c r="D79" s="10" t="s">
        <v>7</v>
      </c>
    </row>
    <row r="80" spans="1:6" x14ac:dyDescent="0.25">
      <c r="A80" s="2" t="s">
        <v>111</v>
      </c>
      <c r="B80" s="4" t="s">
        <v>1170</v>
      </c>
      <c r="C80" s="12">
        <v>0</v>
      </c>
      <c r="D80" s="12">
        <v>0</v>
      </c>
    </row>
    <row r="81" spans="1:6" x14ac:dyDescent="0.25">
      <c r="A81" s="2" t="s">
        <v>113</v>
      </c>
      <c r="B81" s="4" t="s">
        <v>1171</v>
      </c>
      <c r="C81" s="12">
        <v>0</v>
      </c>
      <c r="D81" s="12">
        <v>0</v>
      </c>
    </row>
    <row r="83" spans="1:6" x14ac:dyDescent="0.25">
      <c r="A83" s="10" t="s">
        <v>6</v>
      </c>
      <c r="B83" s="10" t="s">
        <v>1172</v>
      </c>
      <c r="C83" s="10" t="s">
        <v>1173</v>
      </c>
      <c r="D83" s="10" t="s">
        <v>1174</v>
      </c>
      <c r="E83" s="10" t="s">
        <v>1175</v>
      </c>
      <c r="F83" s="10" t="s">
        <v>1176</v>
      </c>
    </row>
    <row r="84" spans="1:6" x14ac:dyDescent="0.25">
      <c r="A84" s="10" t="s">
        <v>7</v>
      </c>
      <c r="B84" s="10" t="s">
        <v>7</v>
      </c>
      <c r="C84" s="10" t="s">
        <v>7</v>
      </c>
      <c r="D84" s="10" t="s">
        <v>7</v>
      </c>
      <c r="E84" s="10" t="s">
        <v>7</v>
      </c>
      <c r="F84" s="10" t="s">
        <v>7</v>
      </c>
    </row>
    <row r="85" spans="1:6" x14ac:dyDescent="0.25">
      <c r="A85" s="2" t="s">
        <v>115</v>
      </c>
      <c r="B85" s="4" t="s">
        <v>1177</v>
      </c>
      <c r="C85" s="12">
        <v>0</v>
      </c>
      <c r="D85" s="12">
        <v>0</v>
      </c>
      <c r="E85" s="12">
        <v>0</v>
      </c>
      <c r="F85" s="12">
        <v>0</v>
      </c>
    </row>
    <row r="86" spans="1:6" x14ac:dyDescent="0.25">
      <c r="A86" s="2" t="s">
        <v>117</v>
      </c>
      <c r="B86" s="4" t="s">
        <v>1178</v>
      </c>
      <c r="C86" s="12">
        <v>0</v>
      </c>
      <c r="D86" s="12">
        <v>0</v>
      </c>
      <c r="E86" s="12">
        <v>0</v>
      </c>
      <c r="F86" s="12">
        <v>0</v>
      </c>
    </row>
    <row r="87" spans="1:6" x14ac:dyDescent="0.25">
      <c r="A87" s="2" t="s">
        <v>119</v>
      </c>
      <c r="B87" s="4" t="s">
        <v>1179</v>
      </c>
      <c r="C87" s="12">
        <v>0</v>
      </c>
      <c r="D87" s="12">
        <v>0</v>
      </c>
      <c r="E87" s="12">
        <v>0</v>
      </c>
      <c r="F87" s="12">
        <v>0</v>
      </c>
    </row>
    <row r="88" spans="1:6" x14ac:dyDescent="0.25">
      <c r="A88" s="2" t="s">
        <v>120</v>
      </c>
      <c r="B88" s="4" t="s">
        <v>1138</v>
      </c>
      <c r="C88" s="12">
        <v>0</v>
      </c>
      <c r="D88" s="12">
        <v>0</v>
      </c>
      <c r="E88" s="12">
        <v>0</v>
      </c>
      <c r="F88" s="12">
        <v>0</v>
      </c>
    </row>
    <row r="89" spans="1:6" x14ac:dyDescent="0.25">
      <c r="A89" s="2" t="s">
        <v>121</v>
      </c>
      <c r="B89" s="4" t="s">
        <v>1180</v>
      </c>
      <c r="C89" s="12">
        <v>0</v>
      </c>
      <c r="D89" s="12">
        <v>0</v>
      </c>
      <c r="E89" s="12">
        <v>0</v>
      </c>
      <c r="F89" s="12">
        <v>0</v>
      </c>
    </row>
    <row r="90" spans="1:6" x14ac:dyDescent="0.25">
      <c r="A90" s="2" t="s">
        <v>122</v>
      </c>
      <c r="B90" s="4" t="s">
        <v>1178</v>
      </c>
      <c r="C90" s="12">
        <v>0</v>
      </c>
      <c r="D90" s="12">
        <v>0</v>
      </c>
      <c r="E90" s="12">
        <v>0</v>
      </c>
      <c r="F90" s="12">
        <v>0</v>
      </c>
    </row>
    <row r="91" spans="1:6" x14ac:dyDescent="0.25">
      <c r="A91" s="2" t="s">
        <v>123</v>
      </c>
      <c r="B91" s="4" t="s">
        <v>1179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4</v>
      </c>
      <c r="B92" s="4" t="s">
        <v>1138</v>
      </c>
      <c r="C92" s="12">
        <v>0</v>
      </c>
      <c r="D92" s="12">
        <v>0</v>
      </c>
      <c r="E92" s="12">
        <v>0</v>
      </c>
      <c r="F92" s="12">
        <v>0</v>
      </c>
    </row>
    <row r="94" spans="1:6" x14ac:dyDescent="0.25">
      <c r="A94" s="10" t="s">
        <v>6</v>
      </c>
      <c r="B94" s="10" t="s">
        <v>1181</v>
      </c>
      <c r="C94" s="10" t="s">
        <v>1160</v>
      </c>
      <c r="D94" s="10" t="s">
        <v>1182</v>
      </c>
    </row>
    <row r="95" spans="1:6" x14ac:dyDescent="0.25">
      <c r="A95" s="10" t="s">
        <v>7</v>
      </c>
      <c r="B95" s="10" t="s">
        <v>7</v>
      </c>
      <c r="C95" s="10" t="s">
        <v>7</v>
      </c>
      <c r="D95" s="10" t="s">
        <v>7</v>
      </c>
    </row>
    <row r="96" spans="1:6" x14ac:dyDescent="0.25">
      <c r="A96" s="2" t="s">
        <v>125</v>
      </c>
      <c r="B96" s="4" t="s">
        <v>1183</v>
      </c>
      <c r="C96" s="12">
        <v>0</v>
      </c>
      <c r="D96" s="12">
        <v>0</v>
      </c>
    </row>
    <row r="97" spans="1:5" x14ac:dyDescent="0.25">
      <c r="A97" s="2" t="s">
        <v>126</v>
      </c>
      <c r="B97" s="4" t="s">
        <v>1184</v>
      </c>
      <c r="C97" s="12">
        <v>0</v>
      </c>
      <c r="D97" s="12">
        <v>0</v>
      </c>
    </row>
    <row r="99" spans="1:5" x14ac:dyDescent="0.25">
      <c r="A99" s="10" t="s">
        <v>6</v>
      </c>
      <c r="B99" s="10" t="s">
        <v>1185</v>
      </c>
      <c r="C99" s="10" t="s">
        <v>1160</v>
      </c>
      <c r="D99" s="10" t="s">
        <v>1186</v>
      </c>
      <c r="E99" s="10" t="s">
        <v>1186</v>
      </c>
    </row>
    <row r="100" spans="1:5" ht="21" x14ac:dyDescent="0.25">
      <c r="A100" s="10" t="s">
        <v>7</v>
      </c>
      <c r="B100" s="10" t="s">
        <v>7</v>
      </c>
      <c r="C100" s="10" t="s">
        <v>7</v>
      </c>
      <c r="D100" s="1" t="s">
        <v>1162</v>
      </c>
      <c r="E100" s="1" t="s">
        <v>1163</v>
      </c>
    </row>
    <row r="101" spans="1:5" x14ac:dyDescent="0.25">
      <c r="A101" s="2" t="s">
        <v>127</v>
      </c>
      <c r="B101" s="4" t="s">
        <v>1187</v>
      </c>
      <c r="C101" s="12">
        <v>449987002.69999999</v>
      </c>
      <c r="D101" s="12">
        <v>12</v>
      </c>
      <c r="E101" s="12">
        <v>12.71</v>
      </c>
    </row>
    <row r="103" spans="1:5" x14ac:dyDescent="0.25">
      <c r="A103" s="10" t="s">
        <v>6</v>
      </c>
      <c r="B103" s="10" t="s">
        <v>1188</v>
      </c>
      <c r="C103" s="10" t="s">
        <v>1189</v>
      </c>
    </row>
    <row r="104" spans="1:5" x14ac:dyDescent="0.25">
      <c r="A104" s="10" t="s">
        <v>7</v>
      </c>
      <c r="B104" s="10" t="s">
        <v>7</v>
      </c>
      <c r="C104" s="10" t="s">
        <v>7</v>
      </c>
    </row>
    <row r="105" spans="1:5" x14ac:dyDescent="0.25">
      <c r="A105" s="2" t="s">
        <v>129</v>
      </c>
      <c r="B105" s="4" t="s">
        <v>1190</v>
      </c>
      <c r="C105" s="12">
        <v>0</v>
      </c>
    </row>
  </sheetData>
  <mergeCells count="54">
    <mergeCell ref="A99:A100"/>
    <mergeCell ref="B99:B100"/>
    <mergeCell ref="C99:C100"/>
    <mergeCell ref="D99:E99"/>
    <mergeCell ref="A103:A104"/>
    <mergeCell ref="B103:B104"/>
    <mergeCell ref="C103:C104"/>
    <mergeCell ref="E83:E84"/>
    <mergeCell ref="F83:F84"/>
    <mergeCell ref="A94:A95"/>
    <mergeCell ref="B94:B95"/>
    <mergeCell ref="C94:C95"/>
    <mergeCell ref="D94:D95"/>
    <mergeCell ref="A78:A79"/>
    <mergeCell ref="B78:B79"/>
    <mergeCell ref="C78:C79"/>
    <mergeCell ref="D78:D79"/>
    <mergeCell ref="A83:A84"/>
    <mergeCell ref="B83:B84"/>
    <mergeCell ref="C83:C84"/>
    <mergeCell ref="D83:D84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50:A51"/>
    <mergeCell ref="B50:B51"/>
    <mergeCell ref="C50:C51"/>
    <mergeCell ref="D50:D51"/>
    <mergeCell ref="E50:E51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4"/>
  <sheetViews>
    <sheetView showGridLines="0" workbookViewId="0"/>
  </sheetViews>
  <sheetFormatPr defaultRowHeight="15" x14ac:dyDescent="0.25"/>
  <cols>
    <col min="3" max="4" width="20.140625" bestFit="1" customWidth="1"/>
    <col min="5" max="6" width="19" bestFit="1" customWidth="1"/>
    <col min="7" max="7" width="9.28515625" bestFit="1" customWidth="1"/>
    <col min="8" max="10" width="19" bestFit="1" customWidth="1"/>
    <col min="11" max="11" width="9.28515625" bestFit="1" customWidth="1"/>
    <col min="12" max="12" width="20.140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36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36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368</v>
      </c>
      <c r="C10" s="10" t="s">
        <v>369</v>
      </c>
      <c r="D10" s="10" t="s">
        <v>370</v>
      </c>
      <c r="E10" s="10" t="s">
        <v>168</v>
      </c>
      <c r="F10" s="10" t="s">
        <v>7</v>
      </c>
      <c r="G10" s="10" t="s">
        <v>7</v>
      </c>
      <c r="H10" s="10" t="s">
        <v>373</v>
      </c>
      <c r="I10" s="10" t="s">
        <v>172</v>
      </c>
      <c r="J10" s="10" t="s">
        <v>7</v>
      </c>
      <c r="K10" s="10" t="s">
        <v>7</v>
      </c>
      <c r="L10" s="10" t="s">
        <v>376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69</v>
      </c>
      <c r="F11" s="1" t="s">
        <v>371</v>
      </c>
      <c r="G11" s="1" t="s">
        <v>372</v>
      </c>
      <c r="H11" s="10" t="s">
        <v>7</v>
      </c>
      <c r="I11" s="1" t="s">
        <v>169</v>
      </c>
      <c r="J11" s="1" t="s">
        <v>374</v>
      </c>
      <c r="K11" s="1" t="s">
        <v>375</v>
      </c>
      <c r="L11" s="10" t="s">
        <v>7</v>
      </c>
    </row>
    <row r="12" spans="1:12" x14ac:dyDescent="0.25">
      <c r="A12" s="3" t="s">
        <v>17</v>
      </c>
      <c r="B12" s="5" t="s">
        <v>377</v>
      </c>
      <c r="C12" s="11">
        <v>14497115300</v>
      </c>
      <c r="D12" s="11">
        <v>14422350827.530001</v>
      </c>
      <c r="E12" s="11">
        <v>2020255587.4300001</v>
      </c>
      <c r="F12" s="11">
        <v>5752238905.6800003</v>
      </c>
      <c r="G12" s="11">
        <v>87.72</v>
      </c>
      <c r="H12" s="11">
        <v>8670111921.8500004</v>
      </c>
      <c r="I12" s="11">
        <v>1996606519.24</v>
      </c>
      <c r="J12" s="11">
        <v>4356975753.6899996</v>
      </c>
      <c r="K12" s="11">
        <v>86.27</v>
      </c>
      <c r="L12" s="11">
        <v>10065375073.84</v>
      </c>
    </row>
    <row r="13" spans="1:12" x14ac:dyDescent="0.25">
      <c r="A13" s="3" t="s">
        <v>19</v>
      </c>
      <c r="B13" s="5" t="s">
        <v>378</v>
      </c>
      <c r="C13" s="11">
        <v>500283300</v>
      </c>
      <c r="D13" s="11">
        <v>505283300</v>
      </c>
      <c r="E13" s="11">
        <v>44323233.090000004</v>
      </c>
      <c r="F13" s="11">
        <v>267891876.19999999</v>
      </c>
      <c r="G13" s="11">
        <v>4.09</v>
      </c>
      <c r="H13" s="11">
        <v>237391423.80000001</v>
      </c>
      <c r="I13" s="11">
        <v>65833784.509999998</v>
      </c>
      <c r="J13" s="11">
        <v>127479150.40000001</v>
      </c>
      <c r="K13" s="11">
        <v>2.52</v>
      </c>
      <c r="L13" s="11">
        <v>377804149.60000002</v>
      </c>
    </row>
    <row r="14" spans="1:12" x14ac:dyDescent="0.25">
      <c r="A14" s="2" t="s">
        <v>21</v>
      </c>
      <c r="B14" s="4" t="s">
        <v>379</v>
      </c>
      <c r="C14" s="12">
        <v>258326400</v>
      </c>
      <c r="D14" s="12">
        <v>259326400</v>
      </c>
      <c r="E14" s="12">
        <v>33131157</v>
      </c>
      <c r="F14" s="12">
        <v>96067240.640000001</v>
      </c>
      <c r="G14" s="12">
        <v>1.47</v>
      </c>
      <c r="H14" s="12">
        <v>163259159.36000001</v>
      </c>
      <c r="I14" s="12">
        <v>34676956.210000001</v>
      </c>
      <c r="J14" s="12">
        <v>66865554.049999997</v>
      </c>
      <c r="K14" s="12">
        <v>1.32</v>
      </c>
      <c r="L14" s="12">
        <v>192460845.94999999</v>
      </c>
    </row>
    <row r="15" spans="1:12" x14ac:dyDescent="0.25">
      <c r="A15" s="2" t="s">
        <v>23</v>
      </c>
      <c r="B15" s="4" t="s">
        <v>380</v>
      </c>
      <c r="C15" s="12">
        <v>240256900</v>
      </c>
      <c r="D15" s="12">
        <v>244256900</v>
      </c>
      <c r="E15" s="12">
        <v>11192076.09</v>
      </c>
      <c r="F15" s="12">
        <v>170218745.59999999</v>
      </c>
      <c r="G15" s="12">
        <v>2.6</v>
      </c>
      <c r="H15" s="12">
        <v>74038154.400000006</v>
      </c>
      <c r="I15" s="12">
        <v>30908102.75</v>
      </c>
      <c r="J15" s="12">
        <v>60116964.130000003</v>
      </c>
      <c r="K15" s="12">
        <v>1.19</v>
      </c>
      <c r="L15" s="12">
        <v>184139935.87</v>
      </c>
    </row>
    <row r="16" spans="1:12" x14ac:dyDescent="0.25">
      <c r="A16" s="2" t="s">
        <v>25</v>
      </c>
      <c r="B16" s="4" t="s">
        <v>381</v>
      </c>
      <c r="C16" s="12">
        <v>1700000</v>
      </c>
      <c r="D16" s="12">
        <v>1700000</v>
      </c>
      <c r="E16" s="12">
        <v>0</v>
      </c>
      <c r="F16" s="12">
        <v>1605889.96</v>
      </c>
      <c r="G16" s="12">
        <v>0.02</v>
      </c>
      <c r="H16" s="12">
        <v>94110.04</v>
      </c>
      <c r="I16" s="12">
        <v>248725.55</v>
      </c>
      <c r="J16" s="12">
        <v>496632.22</v>
      </c>
      <c r="K16" s="12">
        <v>0.01</v>
      </c>
      <c r="L16" s="12">
        <v>1203367.78</v>
      </c>
    </row>
    <row r="17" spans="1:12" x14ac:dyDescent="0.25">
      <c r="A17" s="3" t="s">
        <v>27</v>
      </c>
      <c r="B17" s="5" t="s">
        <v>382</v>
      </c>
      <c r="C17" s="11">
        <v>984189600</v>
      </c>
      <c r="D17" s="11">
        <v>983802600</v>
      </c>
      <c r="E17" s="11">
        <v>13909112.060000001</v>
      </c>
      <c r="F17" s="11">
        <v>853108140.16999996</v>
      </c>
      <c r="G17" s="11">
        <v>13.01</v>
      </c>
      <c r="H17" s="11">
        <v>130694459.83</v>
      </c>
      <c r="I17" s="11">
        <v>136616814.88</v>
      </c>
      <c r="J17" s="11">
        <v>268759603.01999998</v>
      </c>
      <c r="K17" s="11">
        <v>5.32</v>
      </c>
      <c r="L17" s="11">
        <v>715042996.98000002</v>
      </c>
    </row>
    <row r="18" spans="1:12" x14ac:dyDescent="0.25">
      <c r="A18" s="2" t="s">
        <v>29</v>
      </c>
      <c r="B18" s="4" t="s">
        <v>383</v>
      </c>
      <c r="C18" s="12">
        <v>146613800</v>
      </c>
      <c r="D18" s="12">
        <v>146613800</v>
      </c>
      <c r="E18" s="12">
        <v>10845949.82</v>
      </c>
      <c r="F18" s="12">
        <v>109595017.17</v>
      </c>
      <c r="G18" s="12">
        <v>1.67</v>
      </c>
      <c r="H18" s="12">
        <v>37018782.829999998</v>
      </c>
      <c r="I18" s="12">
        <v>21614005.030000001</v>
      </c>
      <c r="J18" s="12">
        <v>42606899.43</v>
      </c>
      <c r="K18" s="12">
        <v>0.84</v>
      </c>
      <c r="L18" s="12">
        <v>104006900.56999999</v>
      </c>
    </row>
    <row r="19" spans="1:12" x14ac:dyDescent="0.25">
      <c r="A19" s="2" t="s">
        <v>31</v>
      </c>
      <c r="B19" s="4" t="s">
        <v>384</v>
      </c>
      <c r="C19" s="12">
        <v>790507600</v>
      </c>
      <c r="D19" s="12">
        <v>790120600</v>
      </c>
      <c r="E19" s="12">
        <v>611024.85</v>
      </c>
      <c r="F19" s="12">
        <v>723849520.89999998</v>
      </c>
      <c r="G19" s="12">
        <v>11.04</v>
      </c>
      <c r="H19" s="12">
        <v>66271079.100000001</v>
      </c>
      <c r="I19" s="12">
        <v>110350802.31</v>
      </c>
      <c r="J19" s="12">
        <v>220921402.31</v>
      </c>
      <c r="K19" s="12">
        <v>4.38</v>
      </c>
      <c r="L19" s="12">
        <v>569199197.69000006</v>
      </c>
    </row>
    <row r="20" spans="1:12" x14ac:dyDescent="0.25">
      <c r="A20" s="2" t="s">
        <v>33</v>
      </c>
      <c r="B20" s="4" t="s">
        <v>385</v>
      </c>
      <c r="C20" s="12">
        <v>40414000</v>
      </c>
      <c r="D20" s="12">
        <v>40414000</v>
      </c>
      <c r="E20" s="12">
        <v>1483285.14</v>
      </c>
      <c r="F20" s="12">
        <v>14900668.99</v>
      </c>
      <c r="G20" s="12">
        <v>0.23</v>
      </c>
      <c r="H20" s="12">
        <v>25513331.010000002</v>
      </c>
      <c r="I20" s="12">
        <v>4020203.7</v>
      </c>
      <c r="J20" s="12">
        <v>4326090.7</v>
      </c>
      <c r="K20" s="12">
        <v>0.09</v>
      </c>
      <c r="L20" s="12">
        <v>36087909.299999997</v>
      </c>
    </row>
    <row r="21" spans="1:12" x14ac:dyDescent="0.25">
      <c r="A21" s="2" t="s">
        <v>35</v>
      </c>
      <c r="B21" s="4" t="s">
        <v>386</v>
      </c>
      <c r="C21" s="12">
        <v>2860200</v>
      </c>
      <c r="D21" s="12">
        <v>2860200</v>
      </c>
      <c r="E21" s="12">
        <v>94867.3</v>
      </c>
      <c r="F21" s="12">
        <v>1872091.3</v>
      </c>
      <c r="G21" s="12">
        <v>0.03</v>
      </c>
      <c r="H21" s="12">
        <v>988108.7</v>
      </c>
      <c r="I21" s="12">
        <v>188239.83</v>
      </c>
      <c r="J21" s="12">
        <v>226532.31</v>
      </c>
      <c r="K21" s="12">
        <v>0</v>
      </c>
      <c r="L21" s="12">
        <v>2633667.69</v>
      </c>
    </row>
    <row r="22" spans="1:12" x14ac:dyDescent="0.25">
      <c r="A22" s="2" t="s">
        <v>37</v>
      </c>
      <c r="B22" s="4" t="s">
        <v>387</v>
      </c>
      <c r="C22" s="12">
        <v>3112000</v>
      </c>
      <c r="D22" s="12">
        <v>3112000</v>
      </c>
      <c r="E22" s="12">
        <v>873984.95</v>
      </c>
      <c r="F22" s="12">
        <v>2208841.81</v>
      </c>
      <c r="G22" s="12">
        <v>0.03</v>
      </c>
      <c r="H22" s="12">
        <v>903158.19</v>
      </c>
      <c r="I22" s="12">
        <v>334826.59000000003</v>
      </c>
      <c r="J22" s="12">
        <v>461562.63</v>
      </c>
      <c r="K22" s="12">
        <v>0.01</v>
      </c>
      <c r="L22" s="12">
        <v>2650437.37</v>
      </c>
    </row>
    <row r="23" spans="1:12" x14ac:dyDescent="0.25">
      <c r="A23" s="2" t="s">
        <v>39</v>
      </c>
      <c r="B23" s="4" t="s">
        <v>381</v>
      </c>
      <c r="C23" s="12">
        <v>682000</v>
      </c>
      <c r="D23" s="12">
        <v>682000</v>
      </c>
      <c r="E23" s="12">
        <v>0</v>
      </c>
      <c r="F23" s="12">
        <v>682000</v>
      </c>
      <c r="G23" s="12">
        <v>0.01</v>
      </c>
      <c r="H23" s="12">
        <v>0</v>
      </c>
      <c r="I23" s="12">
        <v>108737.42</v>
      </c>
      <c r="J23" s="12">
        <v>217115.64</v>
      </c>
      <c r="K23" s="12">
        <v>0</v>
      </c>
      <c r="L23" s="12">
        <v>464884.36</v>
      </c>
    </row>
    <row r="24" spans="1:12" x14ac:dyDescent="0.25">
      <c r="A24" s="3" t="s">
        <v>41</v>
      </c>
      <c r="B24" s="5" t="s">
        <v>388</v>
      </c>
      <c r="C24" s="11">
        <v>905827000</v>
      </c>
      <c r="D24" s="11">
        <v>921203106</v>
      </c>
      <c r="E24" s="11">
        <v>122051488.14</v>
      </c>
      <c r="F24" s="11">
        <v>330815124.04000002</v>
      </c>
      <c r="G24" s="11">
        <v>5.04</v>
      </c>
      <c r="H24" s="11">
        <v>590387981.96000004</v>
      </c>
      <c r="I24" s="11">
        <v>113406616.23999999</v>
      </c>
      <c r="J24" s="11">
        <v>278120873.24000001</v>
      </c>
      <c r="K24" s="11">
        <v>5.51</v>
      </c>
      <c r="L24" s="11">
        <v>643082232.75999999</v>
      </c>
    </row>
    <row r="25" spans="1:12" x14ac:dyDescent="0.25">
      <c r="A25" s="2" t="s">
        <v>43</v>
      </c>
      <c r="B25" s="4" t="s">
        <v>389</v>
      </c>
      <c r="C25" s="12">
        <v>443051100</v>
      </c>
      <c r="D25" s="12">
        <v>458983206</v>
      </c>
      <c r="E25" s="12">
        <v>69401803.450000003</v>
      </c>
      <c r="F25" s="12">
        <v>162814789.36000001</v>
      </c>
      <c r="G25" s="12">
        <v>2.48</v>
      </c>
      <c r="H25" s="12">
        <v>296168416.63999999</v>
      </c>
      <c r="I25" s="12">
        <v>60173111.350000001</v>
      </c>
      <c r="J25" s="12">
        <v>115226401.58</v>
      </c>
      <c r="K25" s="12">
        <v>2.2799999999999998</v>
      </c>
      <c r="L25" s="12">
        <v>343756804.42000002</v>
      </c>
    </row>
    <row r="26" spans="1:12" x14ac:dyDescent="0.25">
      <c r="A26" s="2" t="s">
        <v>45</v>
      </c>
      <c r="B26" s="4" t="s">
        <v>390</v>
      </c>
      <c r="C26" s="12">
        <v>89446400</v>
      </c>
      <c r="D26" s="12">
        <v>89440400</v>
      </c>
      <c r="E26" s="12">
        <v>11389344.65</v>
      </c>
      <c r="F26" s="12">
        <v>26988668.34</v>
      </c>
      <c r="G26" s="12">
        <v>0.41</v>
      </c>
      <c r="H26" s="12">
        <v>62451731.659999996</v>
      </c>
      <c r="I26" s="12">
        <v>9862392.4800000004</v>
      </c>
      <c r="J26" s="12">
        <v>24529371.5</v>
      </c>
      <c r="K26" s="12">
        <v>0.49</v>
      </c>
      <c r="L26" s="12">
        <v>64911028.5</v>
      </c>
    </row>
    <row r="27" spans="1:12" x14ac:dyDescent="0.25">
      <c r="A27" s="2" t="s">
        <v>47</v>
      </c>
      <c r="B27" s="4" t="s">
        <v>384</v>
      </c>
      <c r="C27" s="12">
        <v>18932700</v>
      </c>
      <c r="D27" s="12">
        <v>18932700</v>
      </c>
      <c r="E27" s="12">
        <v>2419727.58</v>
      </c>
      <c r="F27" s="12">
        <v>5084949.6399999997</v>
      </c>
      <c r="G27" s="12">
        <v>0.08</v>
      </c>
      <c r="H27" s="12">
        <v>13847750.359999999</v>
      </c>
      <c r="I27" s="12">
        <v>1987669.66</v>
      </c>
      <c r="J27" s="12">
        <v>3081687.31</v>
      </c>
      <c r="K27" s="12">
        <v>0.06</v>
      </c>
      <c r="L27" s="12">
        <v>15851012.689999999</v>
      </c>
    </row>
    <row r="28" spans="1:12" x14ac:dyDescent="0.25">
      <c r="A28" s="2" t="s">
        <v>49</v>
      </c>
      <c r="B28" s="4" t="s">
        <v>386</v>
      </c>
      <c r="C28" s="12">
        <v>4589500</v>
      </c>
      <c r="D28" s="12">
        <v>3979500</v>
      </c>
      <c r="E28" s="12">
        <v>756086.04</v>
      </c>
      <c r="F28" s="12">
        <v>2236511.39</v>
      </c>
      <c r="G28" s="12">
        <v>0.03</v>
      </c>
      <c r="H28" s="12">
        <v>1742988.61</v>
      </c>
      <c r="I28" s="12">
        <v>786323.92</v>
      </c>
      <c r="J28" s="12">
        <v>2129624.36</v>
      </c>
      <c r="K28" s="12">
        <v>0.04</v>
      </c>
      <c r="L28" s="12">
        <v>1849875.64</v>
      </c>
    </row>
    <row r="29" spans="1:12" x14ac:dyDescent="0.25">
      <c r="A29" s="2" t="s">
        <v>51</v>
      </c>
      <c r="B29" s="4" t="s">
        <v>391</v>
      </c>
      <c r="C29" s="12">
        <v>169520100</v>
      </c>
      <c r="D29" s="12">
        <v>169580100</v>
      </c>
      <c r="E29" s="12">
        <v>30233386.719999999</v>
      </c>
      <c r="F29" s="12">
        <v>55080754.259999998</v>
      </c>
      <c r="G29" s="12">
        <v>0.84</v>
      </c>
      <c r="H29" s="12">
        <v>114499345.73999999</v>
      </c>
      <c r="I29" s="12">
        <v>30209041.52</v>
      </c>
      <c r="J29" s="12">
        <v>54928276.560000002</v>
      </c>
      <c r="K29" s="12">
        <v>1.0900000000000001</v>
      </c>
      <c r="L29" s="12">
        <v>114651823.44</v>
      </c>
    </row>
    <row r="30" spans="1:12" x14ac:dyDescent="0.25">
      <c r="A30" s="2" t="s">
        <v>53</v>
      </c>
      <c r="B30" s="4" t="s">
        <v>381</v>
      </c>
      <c r="C30" s="12">
        <v>180287200</v>
      </c>
      <c r="D30" s="12">
        <v>180287200</v>
      </c>
      <c r="E30" s="12">
        <v>7851139.7000000002</v>
      </c>
      <c r="F30" s="12">
        <v>78609451.049999997</v>
      </c>
      <c r="G30" s="12">
        <v>1.2</v>
      </c>
      <c r="H30" s="12">
        <v>101677748.95</v>
      </c>
      <c r="I30" s="12">
        <v>10388077.310000001</v>
      </c>
      <c r="J30" s="12">
        <v>78225511.930000007</v>
      </c>
      <c r="K30" s="12">
        <v>1.55</v>
      </c>
      <c r="L30" s="12">
        <v>102061688.06999999</v>
      </c>
    </row>
    <row r="31" spans="1:12" x14ac:dyDescent="0.25">
      <c r="A31" s="3" t="s">
        <v>55</v>
      </c>
      <c r="B31" s="5" t="s">
        <v>392</v>
      </c>
      <c r="C31" s="11">
        <v>1120539300</v>
      </c>
      <c r="D31" s="11">
        <v>1119537598.54</v>
      </c>
      <c r="E31" s="11">
        <v>127212432.16</v>
      </c>
      <c r="F31" s="11">
        <v>290093030.61000001</v>
      </c>
      <c r="G31" s="11">
        <v>4.42</v>
      </c>
      <c r="H31" s="11">
        <v>829444567.92999995</v>
      </c>
      <c r="I31" s="11">
        <v>127805959.63</v>
      </c>
      <c r="J31" s="11">
        <v>258382574.84999999</v>
      </c>
      <c r="K31" s="11">
        <v>5.12</v>
      </c>
      <c r="L31" s="11">
        <v>861155023.69000006</v>
      </c>
    </row>
    <row r="32" spans="1:12" x14ac:dyDescent="0.25">
      <c r="A32" s="2" t="s">
        <v>57</v>
      </c>
      <c r="B32" s="4" t="s">
        <v>384</v>
      </c>
      <c r="C32" s="12">
        <v>1059130600</v>
      </c>
      <c r="D32" s="12">
        <v>1058173898.54</v>
      </c>
      <c r="E32" s="12">
        <v>124154992.22</v>
      </c>
      <c r="F32" s="12">
        <v>282764762.26999998</v>
      </c>
      <c r="G32" s="12">
        <v>4.3099999999999996</v>
      </c>
      <c r="H32" s="12">
        <v>775409136.26999998</v>
      </c>
      <c r="I32" s="12">
        <v>124642526.31999999</v>
      </c>
      <c r="J32" s="12">
        <v>251370115.65000001</v>
      </c>
      <c r="K32" s="12">
        <v>4.9800000000000004</v>
      </c>
      <c r="L32" s="12">
        <v>806803782.88999999</v>
      </c>
    </row>
    <row r="33" spans="1:12" x14ac:dyDescent="0.25">
      <c r="A33" s="2" t="s">
        <v>59</v>
      </c>
      <c r="B33" s="4" t="s">
        <v>393</v>
      </c>
      <c r="C33" s="12">
        <v>24644300</v>
      </c>
      <c r="D33" s="12">
        <v>24644300</v>
      </c>
      <c r="E33" s="12">
        <v>0</v>
      </c>
      <c r="F33" s="12">
        <v>0</v>
      </c>
      <c r="G33" s="12">
        <v>0</v>
      </c>
      <c r="H33" s="12">
        <v>24644300</v>
      </c>
      <c r="I33" s="12">
        <v>0</v>
      </c>
      <c r="J33" s="12">
        <v>0</v>
      </c>
      <c r="K33" s="12">
        <v>0</v>
      </c>
      <c r="L33" s="12">
        <v>24644300</v>
      </c>
    </row>
    <row r="34" spans="1:12" x14ac:dyDescent="0.25">
      <c r="A34" s="2" t="s">
        <v>61</v>
      </c>
      <c r="B34" s="4" t="s">
        <v>394</v>
      </c>
      <c r="C34" s="12">
        <v>13994900</v>
      </c>
      <c r="D34" s="12">
        <v>13994900</v>
      </c>
      <c r="E34" s="12">
        <v>1984314.06</v>
      </c>
      <c r="F34" s="12">
        <v>4394341.5599999996</v>
      </c>
      <c r="G34" s="12">
        <v>7.0000000000000007E-2</v>
      </c>
      <c r="H34" s="12">
        <v>9600558.4399999995</v>
      </c>
      <c r="I34" s="12">
        <v>1977653.15</v>
      </c>
      <c r="J34" s="12">
        <v>4150978.01</v>
      </c>
      <c r="K34" s="12">
        <v>0.08</v>
      </c>
      <c r="L34" s="12">
        <v>9843921.9900000002</v>
      </c>
    </row>
    <row r="35" spans="1:12" x14ac:dyDescent="0.25">
      <c r="A35" s="2" t="s">
        <v>63</v>
      </c>
      <c r="B35" s="4" t="s">
        <v>385</v>
      </c>
      <c r="C35" s="12">
        <v>4800</v>
      </c>
      <c r="D35" s="12">
        <v>4800</v>
      </c>
      <c r="E35" s="12">
        <v>0</v>
      </c>
      <c r="F35" s="12">
        <v>0</v>
      </c>
      <c r="G35" s="12">
        <v>0</v>
      </c>
      <c r="H35" s="12">
        <v>4800</v>
      </c>
      <c r="I35" s="12">
        <v>0</v>
      </c>
      <c r="J35" s="12">
        <v>0</v>
      </c>
      <c r="K35" s="12">
        <v>0</v>
      </c>
      <c r="L35" s="12">
        <v>4800</v>
      </c>
    </row>
    <row r="36" spans="1:12" x14ac:dyDescent="0.25">
      <c r="A36" s="2" t="s">
        <v>65</v>
      </c>
      <c r="B36" s="4" t="s">
        <v>386</v>
      </c>
      <c r="C36" s="12">
        <v>10700000</v>
      </c>
      <c r="D36" s="12">
        <v>10700000</v>
      </c>
      <c r="E36" s="12">
        <v>2880</v>
      </c>
      <c r="F36" s="12">
        <v>8712</v>
      </c>
      <c r="G36" s="12">
        <v>0</v>
      </c>
      <c r="H36" s="12">
        <v>10691288</v>
      </c>
      <c r="I36" s="12">
        <v>2880</v>
      </c>
      <c r="J36" s="12">
        <v>8712</v>
      </c>
      <c r="K36" s="12">
        <v>0</v>
      </c>
      <c r="L36" s="12">
        <v>10691288</v>
      </c>
    </row>
    <row r="37" spans="1:12" x14ac:dyDescent="0.25">
      <c r="A37" s="2" t="s">
        <v>67</v>
      </c>
      <c r="B37" s="4" t="s">
        <v>395</v>
      </c>
      <c r="C37" s="12">
        <v>2300</v>
      </c>
      <c r="D37" s="12">
        <v>2300</v>
      </c>
      <c r="E37" s="12">
        <v>0</v>
      </c>
      <c r="F37" s="12">
        <v>0</v>
      </c>
      <c r="G37" s="12">
        <v>0</v>
      </c>
      <c r="H37" s="12">
        <v>2300</v>
      </c>
      <c r="I37" s="12">
        <v>0</v>
      </c>
      <c r="J37" s="12">
        <v>0</v>
      </c>
      <c r="K37" s="12">
        <v>0</v>
      </c>
      <c r="L37" s="12">
        <v>2300</v>
      </c>
    </row>
    <row r="38" spans="1:12" x14ac:dyDescent="0.25">
      <c r="A38" s="2" t="s">
        <v>69</v>
      </c>
      <c r="B38" s="4" t="s">
        <v>396</v>
      </c>
      <c r="C38" s="12">
        <v>12019400</v>
      </c>
      <c r="D38" s="12">
        <v>11974400</v>
      </c>
      <c r="E38" s="12">
        <v>1065265.8799999999</v>
      </c>
      <c r="F38" s="12">
        <v>2905334.78</v>
      </c>
      <c r="G38" s="12">
        <v>0.04</v>
      </c>
      <c r="H38" s="12">
        <v>9069065.2200000007</v>
      </c>
      <c r="I38" s="12">
        <v>1182900.1599999999</v>
      </c>
      <c r="J38" s="12">
        <v>2852769.19</v>
      </c>
      <c r="K38" s="12">
        <v>0.06</v>
      </c>
      <c r="L38" s="12">
        <v>9121630.8100000005</v>
      </c>
    </row>
    <row r="39" spans="1:12" x14ac:dyDescent="0.25">
      <c r="A39" s="2" t="s">
        <v>71</v>
      </c>
      <c r="B39" s="4" t="s">
        <v>397</v>
      </c>
      <c r="C39" s="12">
        <v>43000</v>
      </c>
      <c r="D39" s="12">
        <v>43000</v>
      </c>
      <c r="E39" s="12">
        <v>4980</v>
      </c>
      <c r="F39" s="12">
        <v>19880</v>
      </c>
      <c r="G39" s="12">
        <v>0</v>
      </c>
      <c r="H39" s="12">
        <v>23120</v>
      </c>
      <c r="I39" s="12">
        <v>0</v>
      </c>
      <c r="J39" s="12">
        <v>0</v>
      </c>
      <c r="K39" s="12">
        <v>0</v>
      </c>
      <c r="L39" s="12">
        <v>43000</v>
      </c>
    </row>
    <row r="40" spans="1:12" x14ac:dyDescent="0.25">
      <c r="A40" s="3" t="s">
        <v>73</v>
      </c>
      <c r="B40" s="5" t="s">
        <v>398</v>
      </c>
      <c r="C40" s="11">
        <v>1995135900</v>
      </c>
      <c r="D40" s="11">
        <v>1822538146.29</v>
      </c>
      <c r="E40" s="11">
        <v>199232980.80000001</v>
      </c>
      <c r="F40" s="11">
        <v>488857351.08999997</v>
      </c>
      <c r="G40" s="11">
        <v>7.46</v>
      </c>
      <c r="H40" s="11">
        <v>1333680795.2</v>
      </c>
      <c r="I40" s="11">
        <v>178136854.28</v>
      </c>
      <c r="J40" s="11">
        <v>412276928.57999998</v>
      </c>
      <c r="K40" s="11">
        <v>8.17</v>
      </c>
      <c r="L40" s="11">
        <v>1410261217.71</v>
      </c>
    </row>
    <row r="41" spans="1:12" x14ac:dyDescent="0.25">
      <c r="A41" s="2" t="s">
        <v>75</v>
      </c>
      <c r="B41" s="4" t="s">
        <v>384</v>
      </c>
      <c r="C41" s="12">
        <v>1871074900</v>
      </c>
      <c r="D41" s="12">
        <v>1692065046.29</v>
      </c>
      <c r="E41" s="12">
        <v>185425747.75999999</v>
      </c>
      <c r="F41" s="12">
        <v>465286550.61000001</v>
      </c>
      <c r="G41" s="12">
        <v>7.1</v>
      </c>
      <c r="H41" s="12">
        <v>1226778495.6800001</v>
      </c>
      <c r="I41" s="12">
        <v>176864981.78</v>
      </c>
      <c r="J41" s="12">
        <v>410491266.54000002</v>
      </c>
      <c r="K41" s="12">
        <v>8.1300000000000008</v>
      </c>
      <c r="L41" s="12">
        <v>1281573779.75</v>
      </c>
    </row>
    <row r="42" spans="1:12" x14ac:dyDescent="0.25">
      <c r="A42" s="2" t="s">
        <v>77</v>
      </c>
      <c r="B42" s="4" t="s">
        <v>399</v>
      </c>
      <c r="C42" s="12">
        <v>124056900</v>
      </c>
      <c r="D42" s="12">
        <v>130469000</v>
      </c>
      <c r="E42" s="12">
        <v>13807233.039999999</v>
      </c>
      <c r="F42" s="12">
        <v>23570800.48</v>
      </c>
      <c r="G42" s="12">
        <v>0.36</v>
      </c>
      <c r="H42" s="12">
        <v>106898199.52</v>
      </c>
      <c r="I42" s="12">
        <v>1271872.5</v>
      </c>
      <c r="J42" s="12">
        <v>1785662.04</v>
      </c>
      <c r="K42" s="12">
        <v>0.04</v>
      </c>
      <c r="L42" s="12">
        <v>128683337.95999999</v>
      </c>
    </row>
    <row r="43" spans="1:12" x14ac:dyDescent="0.25">
      <c r="A43" s="2" t="s">
        <v>79</v>
      </c>
      <c r="B43" s="4" t="s">
        <v>400</v>
      </c>
      <c r="C43" s="12">
        <v>0</v>
      </c>
      <c r="D43" s="12">
        <v>0</v>
      </c>
      <c r="E43" s="12">
        <v>0</v>
      </c>
      <c r="F43" s="12">
        <v>0</v>
      </c>
      <c r="G43" s="12">
        <v>0</v>
      </c>
      <c r="H43" s="12">
        <v>0</v>
      </c>
      <c r="I43" s="12">
        <v>0</v>
      </c>
      <c r="J43" s="12">
        <v>0</v>
      </c>
      <c r="K43" s="12">
        <v>0</v>
      </c>
      <c r="L43" s="12">
        <v>0</v>
      </c>
    </row>
    <row r="44" spans="1:12" x14ac:dyDescent="0.25">
      <c r="A44" s="2" t="s">
        <v>81</v>
      </c>
      <c r="B44" s="4" t="s">
        <v>401</v>
      </c>
      <c r="C44" s="12">
        <v>500</v>
      </c>
      <c r="D44" s="12">
        <v>500</v>
      </c>
      <c r="E44" s="12">
        <v>0</v>
      </c>
      <c r="F44" s="12">
        <v>0</v>
      </c>
      <c r="G44" s="12">
        <v>0</v>
      </c>
      <c r="H44" s="12">
        <v>500</v>
      </c>
      <c r="I44" s="12">
        <v>0</v>
      </c>
      <c r="J44" s="12">
        <v>0</v>
      </c>
      <c r="K44" s="12">
        <v>0</v>
      </c>
      <c r="L44" s="12">
        <v>500</v>
      </c>
    </row>
    <row r="45" spans="1:12" x14ac:dyDescent="0.25">
      <c r="A45" s="2" t="s">
        <v>83</v>
      </c>
      <c r="B45" s="4" t="s">
        <v>402</v>
      </c>
      <c r="C45" s="12">
        <v>200</v>
      </c>
      <c r="D45" s="12">
        <v>200</v>
      </c>
      <c r="E45" s="12">
        <v>0</v>
      </c>
      <c r="F45" s="12">
        <v>0</v>
      </c>
      <c r="G45" s="12">
        <v>0</v>
      </c>
      <c r="H45" s="12">
        <v>200</v>
      </c>
      <c r="I45" s="12">
        <v>0</v>
      </c>
      <c r="J45" s="12">
        <v>0</v>
      </c>
      <c r="K45" s="12">
        <v>0</v>
      </c>
      <c r="L45" s="12">
        <v>200</v>
      </c>
    </row>
    <row r="46" spans="1:12" x14ac:dyDescent="0.25">
      <c r="A46" s="2" t="s">
        <v>85</v>
      </c>
      <c r="B46" s="4" t="s">
        <v>403</v>
      </c>
      <c r="C46" s="12">
        <v>3400</v>
      </c>
      <c r="D46" s="12">
        <v>3400</v>
      </c>
      <c r="E46" s="12">
        <v>0</v>
      </c>
      <c r="F46" s="12">
        <v>0</v>
      </c>
      <c r="G46" s="12">
        <v>0</v>
      </c>
      <c r="H46" s="12">
        <v>3400</v>
      </c>
      <c r="I46" s="12">
        <v>0</v>
      </c>
      <c r="J46" s="12">
        <v>0</v>
      </c>
      <c r="K46" s="12">
        <v>0</v>
      </c>
      <c r="L46" s="12">
        <v>3400</v>
      </c>
    </row>
    <row r="47" spans="1:12" x14ac:dyDescent="0.25">
      <c r="A47" s="3" t="s">
        <v>87</v>
      </c>
      <c r="B47" s="5" t="s">
        <v>404</v>
      </c>
      <c r="C47" s="11">
        <v>223573700</v>
      </c>
      <c r="D47" s="11">
        <v>239601000</v>
      </c>
      <c r="E47" s="11">
        <v>30432343.510000002</v>
      </c>
      <c r="F47" s="11">
        <v>65667799.869999997</v>
      </c>
      <c r="G47" s="11">
        <v>1</v>
      </c>
      <c r="H47" s="11">
        <v>173933200.13</v>
      </c>
      <c r="I47" s="11">
        <v>27781188.379999999</v>
      </c>
      <c r="J47" s="11">
        <v>59714692.869999997</v>
      </c>
      <c r="K47" s="11">
        <v>1.18</v>
      </c>
      <c r="L47" s="11">
        <v>179886307.13</v>
      </c>
    </row>
    <row r="48" spans="1:12" x14ac:dyDescent="0.25">
      <c r="A48" s="2" t="s">
        <v>89</v>
      </c>
      <c r="B48" s="4" t="s">
        <v>384</v>
      </c>
      <c r="C48" s="12">
        <v>54779300</v>
      </c>
      <c r="D48" s="12">
        <v>54844800</v>
      </c>
      <c r="E48" s="12">
        <v>8194533.7300000004</v>
      </c>
      <c r="F48" s="12">
        <v>21161027.289999999</v>
      </c>
      <c r="G48" s="12">
        <v>0.32</v>
      </c>
      <c r="H48" s="12">
        <v>33683772.710000001</v>
      </c>
      <c r="I48" s="12">
        <v>8095001.4400000004</v>
      </c>
      <c r="J48" s="12">
        <v>20736150.829999998</v>
      </c>
      <c r="K48" s="12">
        <v>0.41</v>
      </c>
      <c r="L48" s="12">
        <v>34108649.170000002</v>
      </c>
    </row>
    <row r="49" spans="1:12" x14ac:dyDescent="0.25">
      <c r="A49" s="2" t="s">
        <v>91</v>
      </c>
      <c r="B49" s="4" t="s">
        <v>405</v>
      </c>
      <c r="C49" s="12">
        <v>5553200</v>
      </c>
      <c r="D49" s="12">
        <v>5553200</v>
      </c>
      <c r="E49" s="12">
        <v>0</v>
      </c>
      <c r="F49" s="12">
        <v>0</v>
      </c>
      <c r="G49" s="12">
        <v>0</v>
      </c>
      <c r="H49" s="12">
        <v>5553200</v>
      </c>
      <c r="I49" s="12">
        <v>0</v>
      </c>
      <c r="J49" s="12">
        <v>0</v>
      </c>
      <c r="K49" s="12">
        <v>0</v>
      </c>
      <c r="L49" s="12">
        <v>5553200</v>
      </c>
    </row>
    <row r="50" spans="1:12" x14ac:dyDescent="0.25">
      <c r="A50" s="2" t="s">
        <v>93</v>
      </c>
      <c r="B50" s="4" t="s">
        <v>402</v>
      </c>
      <c r="C50" s="12">
        <v>1113000</v>
      </c>
      <c r="D50" s="12">
        <v>1113000</v>
      </c>
      <c r="E50" s="12">
        <v>0</v>
      </c>
      <c r="F50" s="12">
        <v>0</v>
      </c>
      <c r="G50" s="12">
        <v>0</v>
      </c>
      <c r="H50" s="12">
        <v>1113000</v>
      </c>
      <c r="I50" s="12">
        <v>0</v>
      </c>
      <c r="J50" s="12">
        <v>0</v>
      </c>
      <c r="K50" s="12">
        <v>0</v>
      </c>
      <c r="L50" s="12">
        <v>1113000</v>
      </c>
    </row>
    <row r="51" spans="1:12" x14ac:dyDescent="0.25">
      <c r="A51" s="2" t="s">
        <v>95</v>
      </c>
      <c r="B51" s="4" t="s">
        <v>406</v>
      </c>
      <c r="C51" s="12">
        <v>138719200</v>
      </c>
      <c r="D51" s="12">
        <v>154981000</v>
      </c>
      <c r="E51" s="12">
        <v>20807142.050000001</v>
      </c>
      <c r="F51" s="12">
        <v>39238342.770000003</v>
      </c>
      <c r="G51" s="12">
        <v>0.6</v>
      </c>
      <c r="H51" s="12">
        <v>115742657.23</v>
      </c>
      <c r="I51" s="12">
        <v>18455253.379999999</v>
      </c>
      <c r="J51" s="12">
        <v>34000464.369999997</v>
      </c>
      <c r="K51" s="12">
        <v>0.67</v>
      </c>
      <c r="L51" s="12">
        <v>120980535.63</v>
      </c>
    </row>
    <row r="52" spans="1:12" x14ac:dyDescent="0.25">
      <c r="A52" s="2" t="s">
        <v>97</v>
      </c>
      <c r="B52" s="4" t="s">
        <v>407</v>
      </c>
      <c r="C52" s="12">
        <v>22000000</v>
      </c>
      <c r="D52" s="12">
        <v>22000000</v>
      </c>
      <c r="E52" s="12">
        <v>1428842.65</v>
      </c>
      <c r="F52" s="12">
        <v>5264783.5599999996</v>
      </c>
      <c r="G52" s="12">
        <v>0.08</v>
      </c>
      <c r="H52" s="12">
        <v>16735216.439999999</v>
      </c>
      <c r="I52" s="12">
        <v>1229108.48</v>
      </c>
      <c r="J52" s="12">
        <v>4974433.54</v>
      </c>
      <c r="K52" s="12">
        <v>0.1</v>
      </c>
      <c r="L52" s="12">
        <v>17025566.460000001</v>
      </c>
    </row>
    <row r="53" spans="1:12" x14ac:dyDescent="0.25">
      <c r="A53" s="2" t="s">
        <v>99</v>
      </c>
      <c r="B53" s="4" t="s">
        <v>391</v>
      </c>
      <c r="C53" s="12">
        <v>1398300</v>
      </c>
      <c r="D53" s="12">
        <v>1098300</v>
      </c>
      <c r="E53" s="12">
        <v>0</v>
      </c>
      <c r="F53" s="12">
        <v>0</v>
      </c>
      <c r="G53" s="12">
        <v>0</v>
      </c>
      <c r="H53" s="12">
        <v>1098300</v>
      </c>
      <c r="I53" s="12">
        <v>0</v>
      </c>
      <c r="J53" s="12">
        <v>0</v>
      </c>
      <c r="K53" s="12">
        <v>0</v>
      </c>
      <c r="L53" s="12">
        <v>1098300</v>
      </c>
    </row>
    <row r="54" spans="1:12" x14ac:dyDescent="0.25">
      <c r="A54" s="2" t="s">
        <v>101</v>
      </c>
      <c r="B54" s="4" t="s">
        <v>408</v>
      </c>
      <c r="C54" s="12">
        <v>10700</v>
      </c>
      <c r="D54" s="12">
        <v>10700</v>
      </c>
      <c r="E54" s="12">
        <v>1825.08</v>
      </c>
      <c r="F54" s="12">
        <v>3646.25</v>
      </c>
      <c r="G54" s="12">
        <v>0</v>
      </c>
      <c r="H54" s="12">
        <v>7053.75</v>
      </c>
      <c r="I54" s="12">
        <v>1825.08</v>
      </c>
      <c r="J54" s="12">
        <v>3644.13</v>
      </c>
      <c r="K54" s="12">
        <v>0</v>
      </c>
      <c r="L54" s="12">
        <v>7055.87</v>
      </c>
    </row>
    <row r="55" spans="1:12" x14ac:dyDescent="0.25">
      <c r="A55" s="3" t="s">
        <v>103</v>
      </c>
      <c r="B55" s="5" t="s">
        <v>409</v>
      </c>
      <c r="C55" s="11">
        <v>2038173000</v>
      </c>
      <c r="D55" s="11">
        <v>2218225000</v>
      </c>
      <c r="E55" s="11">
        <v>548426215.88999999</v>
      </c>
      <c r="F55" s="11">
        <v>1432790389.4300001</v>
      </c>
      <c r="G55" s="11">
        <v>21.86</v>
      </c>
      <c r="H55" s="11">
        <v>785434610.57000005</v>
      </c>
      <c r="I55" s="11">
        <v>566231678.22000003</v>
      </c>
      <c r="J55" s="11">
        <v>1398136440.4000001</v>
      </c>
      <c r="K55" s="11">
        <v>27.69</v>
      </c>
      <c r="L55" s="11">
        <v>820088559.60000002</v>
      </c>
    </row>
    <row r="56" spans="1:12" x14ac:dyDescent="0.25">
      <c r="A56" s="2" t="s">
        <v>105</v>
      </c>
      <c r="B56" s="4" t="s">
        <v>396</v>
      </c>
      <c r="C56" s="12">
        <v>2038173000</v>
      </c>
      <c r="D56" s="12">
        <v>2218225000</v>
      </c>
      <c r="E56" s="12">
        <v>548426215.88999999</v>
      </c>
      <c r="F56" s="12">
        <v>1432790389.4300001</v>
      </c>
      <c r="G56" s="12">
        <v>21.86</v>
      </c>
      <c r="H56" s="12">
        <v>785434610.57000005</v>
      </c>
      <c r="I56" s="12">
        <v>566231678.22000003</v>
      </c>
      <c r="J56" s="12">
        <v>1398136440.4000001</v>
      </c>
      <c r="K56" s="12">
        <v>27.69</v>
      </c>
      <c r="L56" s="12">
        <v>820088559.60000002</v>
      </c>
    </row>
    <row r="57" spans="1:12" x14ac:dyDescent="0.25">
      <c r="A57" s="3" t="s">
        <v>107</v>
      </c>
      <c r="B57" s="5" t="s">
        <v>410</v>
      </c>
      <c r="C57" s="11">
        <v>1553881400</v>
      </c>
      <c r="D57" s="11">
        <v>1656290147.1300001</v>
      </c>
      <c r="E57" s="11">
        <v>269702920.67000002</v>
      </c>
      <c r="F57" s="11">
        <v>518927085.79000002</v>
      </c>
      <c r="G57" s="11">
        <v>7.93</v>
      </c>
      <c r="H57" s="11">
        <v>1137363061.3399999</v>
      </c>
      <c r="I57" s="11">
        <v>226707168.99000001</v>
      </c>
      <c r="J57" s="11">
        <v>397081828.27999997</v>
      </c>
      <c r="K57" s="11">
        <v>7.86</v>
      </c>
      <c r="L57" s="11">
        <v>1259208318.8499999</v>
      </c>
    </row>
    <row r="58" spans="1:12" x14ac:dyDescent="0.25">
      <c r="A58" s="2" t="s">
        <v>109</v>
      </c>
      <c r="B58" s="4" t="s">
        <v>384</v>
      </c>
      <c r="C58" s="12">
        <v>357432100</v>
      </c>
      <c r="D58" s="12">
        <v>430208869.68000001</v>
      </c>
      <c r="E58" s="12">
        <v>71706714.310000002</v>
      </c>
      <c r="F58" s="12">
        <v>162297893.88</v>
      </c>
      <c r="G58" s="12">
        <v>2.48</v>
      </c>
      <c r="H58" s="12">
        <v>267910975.80000001</v>
      </c>
      <c r="I58" s="12">
        <v>71002141.319999993</v>
      </c>
      <c r="J58" s="12">
        <v>148771053.22</v>
      </c>
      <c r="K58" s="12">
        <v>2.95</v>
      </c>
      <c r="L58" s="12">
        <v>281437816.45999998</v>
      </c>
    </row>
    <row r="59" spans="1:12" x14ac:dyDescent="0.25">
      <c r="A59" s="2" t="s">
        <v>111</v>
      </c>
      <c r="B59" s="4" t="s">
        <v>386</v>
      </c>
      <c r="C59" s="12">
        <v>5647300</v>
      </c>
      <c r="D59" s="12">
        <v>5647300</v>
      </c>
      <c r="E59" s="12">
        <v>499245.82</v>
      </c>
      <c r="F59" s="12">
        <v>1021085.98</v>
      </c>
      <c r="G59" s="12">
        <v>0.02</v>
      </c>
      <c r="H59" s="12">
        <v>4626214.0199999996</v>
      </c>
      <c r="I59" s="12">
        <v>97217.59</v>
      </c>
      <c r="J59" s="12">
        <v>185429.69</v>
      </c>
      <c r="K59" s="12">
        <v>0</v>
      </c>
      <c r="L59" s="12">
        <v>5461870.3099999996</v>
      </c>
    </row>
    <row r="60" spans="1:12" x14ac:dyDescent="0.25">
      <c r="A60" s="2" t="s">
        <v>113</v>
      </c>
      <c r="B60" s="4" t="s">
        <v>411</v>
      </c>
      <c r="C60" s="12">
        <v>70490200</v>
      </c>
      <c r="D60" s="12">
        <v>62365200</v>
      </c>
      <c r="E60" s="12">
        <v>9244100.6199999992</v>
      </c>
      <c r="F60" s="12">
        <v>29312833.190000001</v>
      </c>
      <c r="G60" s="12">
        <v>0.45</v>
      </c>
      <c r="H60" s="12">
        <v>33052366.809999999</v>
      </c>
      <c r="I60" s="12">
        <v>8080874.1699999999</v>
      </c>
      <c r="J60" s="12">
        <v>21245574.780000001</v>
      </c>
      <c r="K60" s="12">
        <v>0.42</v>
      </c>
      <c r="L60" s="12">
        <v>41119625.219999999</v>
      </c>
    </row>
    <row r="61" spans="1:12" x14ac:dyDescent="0.25">
      <c r="A61" s="2" t="s">
        <v>115</v>
      </c>
      <c r="B61" s="4" t="s">
        <v>412</v>
      </c>
      <c r="C61" s="12">
        <v>962870800</v>
      </c>
      <c r="D61" s="12">
        <v>913592491.45000005</v>
      </c>
      <c r="E61" s="12">
        <v>116854337.37</v>
      </c>
      <c r="F61" s="12">
        <v>239603628.03999999</v>
      </c>
      <c r="G61" s="12">
        <v>3.66</v>
      </c>
      <c r="H61" s="12">
        <v>673988863.40999997</v>
      </c>
      <c r="I61" s="12">
        <v>107821933.31</v>
      </c>
      <c r="J61" s="12">
        <v>180652622.62</v>
      </c>
      <c r="K61" s="12">
        <v>3.58</v>
      </c>
      <c r="L61" s="12">
        <v>732939868.83000004</v>
      </c>
    </row>
    <row r="62" spans="1:12" x14ac:dyDescent="0.25">
      <c r="A62" s="2" t="s">
        <v>117</v>
      </c>
      <c r="B62" s="4" t="s">
        <v>413</v>
      </c>
      <c r="C62" s="12">
        <v>86673100</v>
      </c>
      <c r="D62" s="12">
        <v>89058600</v>
      </c>
      <c r="E62" s="12">
        <v>11195182</v>
      </c>
      <c r="F62" s="12">
        <v>16350601.210000001</v>
      </c>
      <c r="G62" s="12">
        <v>0.25</v>
      </c>
      <c r="H62" s="12">
        <v>72707998.790000007</v>
      </c>
      <c r="I62" s="12">
        <v>7957989.54</v>
      </c>
      <c r="J62" s="12">
        <v>10085422.51</v>
      </c>
      <c r="K62" s="12">
        <v>0.2</v>
      </c>
      <c r="L62" s="12">
        <v>78973177.489999995</v>
      </c>
    </row>
    <row r="63" spans="1:12" x14ac:dyDescent="0.25">
      <c r="A63" s="2" t="s">
        <v>119</v>
      </c>
      <c r="B63" s="4" t="s">
        <v>414</v>
      </c>
      <c r="C63" s="12">
        <v>1982000</v>
      </c>
      <c r="D63" s="12">
        <v>2482000</v>
      </c>
      <c r="E63" s="12">
        <v>26229.15</v>
      </c>
      <c r="F63" s="12">
        <v>84958.31</v>
      </c>
      <c r="G63" s="12">
        <v>0</v>
      </c>
      <c r="H63" s="12">
        <v>2397041.69</v>
      </c>
      <c r="I63" s="12">
        <v>12835.4</v>
      </c>
      <c r="J63" s="12">
        <v>20949.98</v>
      </c>
      <c r="K63" s="12">
        <v>0</v>
      </c>
      <c r="L63" s="12">
        <v>2461050.02</v>
      </c>
    </row>
    <row r="64" spans="1:12" x14ac:dyDescent="0.25">
      <c r="A64" s="2" t="s">
        <v>120</v>
      </c>
      <c r="B64" s="4" t="s">
        <v>415</v>
      </c>
      <c r="C64" s="12">
        <v>32947500</v>
      </c>
      <c r="D64" s="12">
        <v>117061286</v>
      </c>
      <c r="E64" s="12">
        <v>54903890.659999996</v>
      </c>
      <c r="F64" s="12">
        <v>59741408.490000002</v>
      </c>
      <c r="G64" s="12">
        <v>0.91</v>
      </c>
      <c r="H64" s="12">
        <v>57319877.509999998</v>
      </c>
      <c r="I64" s="12">
        <v>26559510.02</v>
      </c>
      <c r="J64" s="12">
        <v>28339087.629999999</v>
      </c>
      <c r="K64" s="12">
        <v>0.56000000000000005</v>
      </c>
      <c r="L64" s="12">
        <v>88722198.370000005</v>
      </c>
    </row>
    <row r="65" spans="1:12" x14ac:dyDescent="0.25">
      <c r="A65" s="2" t="s">
        <v>121</v>
      </c>
      <c r="B65" s="4" t="s">
        <v>416</v>
      </c>
      <c r="C65" s="12">
        <v>34239500</v>
      </c>
      <c r="D65" s="12">
        <v>34239500</v>
      </c>
      <c r="E65" s="12">
        <v>5110029.33</v>
      </c>
      <c r="F65" s="12">
        <v>10213937.130000001</v>
      </c>
      <c r="G65" s="12">
        <v>0.16</v>
      </c>
      <c r="H65" s="12">
        <v>24025562.870000001</v>
      </c>
      <c r="I65" s="12">
        <v>5107368.66</v>
      </c>
      <c r="J65" s="12">
        <v>7647850.1799999997</v>
      </c>
      <c r="K65" s="12">
        <v>0.15</v>
      </c>
      <c r="L65" s="12">
        <v>26591649.82</v>
      </c>
    </row>
    <row r="66" spans="1:12" x14ac:dyDescent="0.25">
      <c r="A66" s="2" t="s">
        <v>122</v>
      </c>
      <c r="B66" s="4" t="s">
        <v>417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  <c r="J66" s="12">
        <v>0</v>
      </c>
      <c r="K66" s="12">
        <v>0</v>
      </c>
      <c r="L66" s="12">
        <v>0</v>
      </c>
    </row>
    <row r="67" spans="1:12" x14ac:dyDescent="0.25">
      <c r="A67" s="2" t="s">
        <v>123</v>
      </c>
      <c r="B67" s="4" t="s">
        <v>418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  <c r="J67" s="12">
        <v>0</v>
      </c>
      <c r="K67" s="12">
        <v>0</v>
      </c>
      <c r="L67" s="12">
        <v>0</v>
      </c>
    </row>
    <row r="68" spans="1:12" x14ac:dyDescent="0.25">
      <c r="A68" s="2" t="s">
        <v>124</v>
      </c>
      <c r="B68" s="4" t="s">
        <v>391</v>
      </c>
      <c r="C68" s="12">
        <v>1210200</v>
      </c>
      <c r="D68" s="12">
        <v>1225200</v>
      </c>
      <c r="E68" s="12">
        <v>95446.17</v>
      </c>
      <c r="F68" s="12">
        <v>168593.66</v>
      </c>
      <c r="G68" s="12">
        <v>0</v>
      </c>
      <c r="H68" s="12">
        <v>1056606.3400000001</v>
      </c>
      <c r="I68" s="12">
        <v>2685.59</v>
      </c>
      <c r="J68" s="12">
        <v>4823.62</v>
      </c>
      <c r="K68" s="12">
        <v>0</v>
      </c>
      <c r="L68" s="12">
        <v>1220376.3799999999</v>
      </c>
    </row>
    <row r="69" spans="1:12" x14ac:dyDescent="0.25">
      <c r="A69" s="2" t="s">
        <v>125</v>
      </c>
      <c r="B69" s="4" t="s">
        <v>408</v>
      </c>
      <c r="C69" s="12">
        <v>388700</v>
      </c>
      <c r="D69" s="12">
        <v>409700</v>
      </c>
      <c r="E69" s="12">
        <v>67745.240000000005</v>
      </c>
      <c r="F69" s="12">
        <v>132145.9</v>
      </c>
      <c r="G69" s="12">
        <v>0</v>
      </c>
      <c r="H69" s="12">
        <v>277554.09999999998</v>
      </c>
      <c r="I69" s="12">
        <v>64613.39</v>
      </c>
      <c r="J69" s="12">
        <v>129014.05</v>
      </c>
      <c r="K69" s="12">
        <v>0</v>
      </c>
      <c r="L69" s="12">
        <v>280685.95</v>
      </c>
    </row>
    <row r="70" spans="1:12" x14ac:dyDescent="0.25">
      <c r="A70" s="3" t="s">
        <v>126</v>
      </c>
      <c r="B70" s="5" t="s">
        <v>419</v>
      </c>
      <c r="C70" s="11">
        <v>9596800</v>
      </c>
      <c r="D70" s="11">
        <v>12522014.08</v>
      </c>
      <c r="E70" s="11">
        <v>3145537.39</v>
      </c>
      <c r="F70" s="11">
        <v>4593547.99</v>
      </c>
      <c r="G70" s="11">
        <v>7.0000000000000007E-2</v>
      </c>
      <c r="H70" s="11">
        <v>7928466.0899999999</v>
      </c>
      <c r="I70" s="11">
        <v>3072713.44</v>
      </c>
      <c r="J70" s="11">
        <v>4432134.3</v>
      </c>
      <c r="K70" s="11">
        <v>0.08</v>
      </c>
      <c r="L70" s="11">
        <v>8089879.7800000003</v>
      </c>
    </row>
    <row r="71" spans="1:12" x14ac:dyDescent="0.25">
      <c r="A71" s="2" t="s">
        <v>127</v>
      </c>
      <c r="B71" s="4" t="s">
        <v>384</v>
      </c>
      <c r="C71" s="12">
        <v>9259200</v>
      </c>
      <c r="D71" s="12">
        <v>9976600</v>
      </c>
      <c r="E71" s="12">
        <v>919423.5</v>
      </c>
      <c r="F71" s="12">
        <v>2357425.12</v>
      </c>
      <c r="G71" s="12">
        <v>0.04</v>
      </c>
      <c r="H71" s="12">
        <v>7619174.8799999999</v>
      </c>
      <c r="I71" s="12">
        <v>846599.55</v>
      </c>
      <c r="J71" s="12">
        <v>2196011.4300000002</v>
      </c>
      <c r="K71" s="12">
        <v>0.04</v>
      </c>
      <c r="L71" s="12">
        <v>7780588.5700000003</v>
      </c>
    </row>
    <row r="72" spans="1:12" x14ac:dyDescent="0.25">
      <c r="A72" s="2" t="s">
        <v>129</v>
      </c>
      <c r="B72" s="4" t="s">
        <v>420</v>
      </c>
      <c r="C72" s="12">
        <v>278900</v>
      </c>
      <c r="D72" s="12">
        <v>2486714.08</v>
      </c>
      <c r="E72" s="12">
        <v>2216071.73</v>
      </c>
      <c r="F72" s="12">
        <v>2216071.73</v>
      </c>
      <c r="G72" s="12">
        <v>0.03</v>
      </c>
      <c r="H72" s="12">
        <v>270642.34999999998</v>
      </c>
      <c r="I72" s="12">
        <v>2216071.73</v>
      </c>
      <c r="J72" s="12">
        <v>2216071.73</v>
      </c>
      <c r="K72" s="12">
        <v>0.04</v>
      </c>
      <c r="L72" s="12">
        <v>270642.34999999998</v>
      </c>
    </row>
    <row r="73" spans="1:12" x14ac:dyDescent="0.25">
      <c r="A73" s="2" t="s">
        <v>131</v>
      </c>
      <c r="B73" s="4" t="s">
        <v>408</v>
      </c>
      <c r="C73" s="12">
        <v>58700</v>
      </c>
      <c r="D73" s="12">
        <v>58700</v>
      </c>
      <c r="E73" s="12">
        <v>10042.16</v>
      </c>
      <c r="F73" s="12">
        <v>20051.14</v>
      </c>
      <c r="G73" s="12">
        <v>0</v>
      </c>
      <c r="H73" s="12">
        <v>38648.86</v>
      </c>
      <c r="I73" s="12">
        <v>10042.16</v>
      </c>
      <c r="J73" s="12">
        <v>20051.14</v>
      </c>
      <c r="K73" s="12">
        <v>0</v>
      </c>
      <c r="L73" s="12">
        <v>38648.86</v>
      </c>
    </row>
    <row r="74" spans="1:12" x14ac:dyDescent="0.25">
      <c r="A74" s="3" t="s">
        <v>133</v>
      </c>
      <c r="B74" s="5" t="s">
        <v>421</v>
      </c>
      <c r="C74" s="11">
        <v>1893891700</v>
      </c>
      <c r="D74" s="11">
        <v>1894109203.28</v>
      </c>
      <c r="E74" s="11">
        <v>297832587.04000002</v>
      </c>
      <c r="F74" s="11">
        <v>567702203.89999998</v>
      </c>
      <c r="G74" s="11">
        <v>8.65</v>
      </c>
      <c r="H74" s="11">
        <v>1326406999.3800001</v>
      </c>
      <c r="I74" s="11">
        <v>266112852.74000001</v>
      </c>
      <c r="J74" s="11">
        <v>493824050.75999999</v>
      </c>
      <c r="K74" s="11">
        <v>9.7799999999999994</v>
      </c>
      <c r="L74" s="11">
        <v>1400285152.52</v>
      </c>
    </row>
    <row r="75" spans="1:12" x14ac:dyDescent="0.25">
      <c r="A75" s="2" t="s">
        <v>135</v>
      </c>
      <c r="B75" s="4" t="s">
        <v>384</v>
      </c>
      <c r="C75" s="12">
        <v>1620441700</v>
      </c>
      <c r="D75" s="12">
        <v>1595270303.28</v>
      </c>
      <c r="E75" s="12">
        <v>234452883.68000001</v>
      </c>
      <c r="F75" s="12">
        <v>451836475.13</v>
      </c>
      <c r="G75" s="12">
        <v>6.89</v>
      </c>
      <c r="H75" s="12">
        <v>1143433828.1500001</v>
      </c>
      <c r="I75" s="12">
        <v>235920189.53999999</v>
      </c>
      <c r="J75" s="12">
        <v>436695367.83999997</v>
      </c>
      <c r="K75" s="12">
        <v>8.65</v>
      </c>
      <c r="L75" s="12">
        <v>1158574935.4400001</v>
      </c>
    </row>
    <row r="76" spans="1:12" x14ac:dyDescent="0.25">
      <c r="A76" s="2" t="s">
        <v>137</v>
      </c>
      <c r="B76" s="4" t="s">
        <v>422</v>
      </c>
      <c r="C76" s="12">
        <v>8345200</v>
      </c>
      <c r="D76" s="12">
        <v>12997769</v>
      </c>
      <c r="E76" s="12">
        <v>238694</v>
      </c>
      <c r="F76" s="12">
        <v>5981475.25</v>
      </c>
      <c r="G76" s="12">
        <v>0.09</v>
      </c>
      <c r="H76" s="12">
        <v>7016293.75</v>
      </c>
      <c r="I76" s="12">
        <v>3043699.05</v>
      </c>
      <c r="J76" s="12">
        <v>4547376.45</v>
      </c>
      <c r="K76" s="12">
        <v>0.09</v>
      </c>
      <c r="L76" s="12">
        <v>8450392.5500000007</v>
      </c>
    </row>
    <row r="77" spans="1:12" x14ac:dyDescent="0.25">
      <c r="A77" s="2" t="s">
        <v>139</v>
      </c>
      <c r="B77" s="4" t="s">
        <v>423</v>
      </c>
      <c r="C77" s="12">
        <v>4923000</v>
      </c>
      <c r="D77" s="12">
        <v>9327821</v>
      </c>
      <c r="E77" s="12">
        <v>535296</v>
      </c>
      <c r="F77" s="12">
        <v>7987397.8499999996</v>
      </c>
      <c r="G77" s="12">
        <v>0.12</v>
      </c>
      <c r="H77" s="12">
        <v>1340423.1499999999</v>
      </c>
      <c r="I77" s="12">
        <v>3294877.95</v>
      </c>
      <c r="J77" s="12">
        <v>3961524.45</v>
      </c>
      <c r="K77" s="12">
        <v>0.08</v>
      </c>
      <c r="L77" s="12">
        <v>5366296.55</v>
      </c>
    </row>
    <row r="78" spans="1:12" x14ac:dyDescent="0.25">
      <c r="A78" s="2" t="s">
        <v>141</v>
      </c>
      <c r="B78" s="4" t="s">
        <v>418</v>
      </c>
      <c r="C78" s="12">
        <v>14971200</v>
      </c>
      <c r="D78" s="12">
        <v>11547180</v>
      </c>
      <c r="E78" s="12">
        <v>1109482.8</v>
      </c>
      <c r="F78" s="12">
        <v>2862983.5</v>
      </c>
      <c r="G78" s="12">
        <v>0.04</v>
      </c>
      <c r="H78" s="12">
        <v>8684196.5</v>
      </c>
      <c r="I78" s="12">
        <v>648112.85</v>
      </c>
      <c r="J78" s="12">
        <v>1534326.57</v>
      </c>
      <c r="K78" s="12">
        <v>0.03</v>
      </c>
      <c r="L78" s="12">
        <v>10012853.43</v>
      </c>
    </row>
    <row r="79" spans="1:12" x14ac:dyDescent="0.25">
      <c r="A79" s="2" t="s">
        <v>143</v>
      </c>
      <c r="B79" s="4" t="s">
        <v>407</v>
      </c>
      <c r="C79" s="12">
        <v>9256800</v>
      </c>
      <c r="D79" s="12">
        <v>9956110</v>
      </c>
      <c r="E79" s="12">
        <v>810549.34</v>
      </c>
      <c r="F79" s="12">
        <v>3351475.63</v>
      </c>
      <c r="G79" s="12">
        <v>0.05</v>
      </c>
      <c r="H79" s="12">
        <v>6604634.3700000001</v>
      </c>
      <c r="I79" s="12">
        <v>1973711.84</v>
      </c>
      <c r="J79" s="12">
        <v>2817076.42</v>
      </c>
      <c r="K79" s="12">
        <v>0.06</v>
      </c>
      <c r="L79" s="12">
        <v>7139033.5800000001</v>
      </c>
    </row>
    <row r="80" spans="1:12" x14ac:dyDescent="0.25">
      <c r="A80" s="2" t="s">
        <v>145</v>
      </c>
      <c r="B80" s="4" t="s">
        <v>424</v>
      </c>
      <c r="C80" s="12">
        <v>1130000</v>
      </c>
      <c r="D80" s="12">
        <v>2730000</v>
      </c>
      <c r="E80" s="12">
        <v>98769.919999999998</v>
      </c>
      <c r="F80" s="12">
        <v>1828712.47</v>
      </c>
      <c r="G80" s="12">
        <v>0.03</v>
      </c>
      <c r="H80" s="12">
        <v>901287.53</v>
      </c>
      <c r="I80" s="12">
        <v>87073.32</v>
      </c>
      <c r="J80" s="12">
        <v>1762640.38</v>
      </c>
      <c r="K80" s="12">
        <v>0.03</v>
      </c>
      <c r="L80" s="12">
        <v>967359.62</v>
      </c>
    </row>
    <row r="81" spans="1:12" x14ac:dyDescent="0.25">
      <c r="A81" s="2" t="s">
        <v>147</v>
      </c>
      <c r="B81" s="4" t="s">
        <v>425</v>
      </c>
      <c r="C81" s="12">
        <v>8653700</v>
      </c>
      <c r="D81" s="12">
        <v>8777651</v>
      </c>
      <c r="E81" s="12">
        <v>889731.43</v>
      </c>
      <c r="F81" s="12">
        <v>1358679.02</v>
      </c>
      <c r="G81" s="12">
        <v>0.02</v>
      </c>
      <c r="H81" s="12">
        <v>7418971.9800000004</v>
      </c>
      <c r="I81" s="12">
        <v>1346024.76</v>
      </c>
      <c r="J81" s="12">
        <v>1347977.76</v>
      </c>
      <c r="K81" s="12">
        <v>0.03</v>
      </c>
      <c r="L81" s="12">
        <v>7429673.2400000002</v>
      </c>
    </row>
    <row r="82" spans="1:12" x14ac:dyDescent="0.25">
      <c r="A82" s="2" t="s">
        <v>149</v>
      </c>
      <c r="B82" s="4" t="s">
        <v>426</v>
      </c>
      <c r="C82" s="12">
        <v>212117000</v>
      </c>
      <c r="D82" s="12">
        <v>230151079</v>
      </c>
      <c r="E82" s="12">
        <v>58323731.909999996</v>
      </c>
      <c r="F82" s="12">
        <v>88205262.230000004</v>
      </c>
      <c r="G82" s="12">
        <v>1.35</v>
      </c>
      <c r="H82" s="12">
        <v>141945816.77000001</v>
      </c>
      <c r="I82" s="12">
        <v>17880961.719999999</v>
      </c>
      <c r="J82" s="12">
        <v>37227903.700000003</v>
      </c>
      <c r="K82" s="12">
        <v>0.74</v>
      </c>
      <c r="L82" s="12">
        <v>192923175.30000001</v>
      </c>
    </row>
    <row r="83" spans="1:12" x14ac:dyDescent="0.25">
      <c r="A83" s="2" t="s">
        <v>151</v>
      </c>
      <c r="B83" s="4" t="s">
        <v>427</v>
      </c>
      <c r="C83" s="12">
        <v>4401100</v>
      </c>
      <c r="D83" s="12">
        <v>3699290</v>
      </c>
      <c r="E83" s="12">
        <v>599648.23</v>
      </c>
      <c r="F83" s="12">
        <v>1553482.43</v>
      </c>
      <c r="G83" s="12">
        <v>0.02</v>
      </c>
      <c r="H83" s="12">
        <v>2145807.5699999998</v>
      </c>
      <c r="I83" s="12">
        <v>546341.07999999996</v>
      </c>
      <c r="J83" s="12">
        <v>1199655.58</v>
      </c>
      <c r="K83" s="12">
        <v>0.02</v>
      </c>
      <c r="L83" s="12">
        <v>2499634.42</v>
      </c>
    </row>
    <row r="84" spans="1:12" x14ac:dyDescent="0.25">
      <c r="A84" s="2" t="s">
        <v>152</v>
      </c>
      <c r="B84" s="4" t="s">
        <v>408</v>
      </c>
      <c r="C84" s="12">
        <v>9652000</v>
      </c>
      <c r="D84" s="12">
        <v>9652000</v>
      </c>
      <c r="E84" s="12">
        <v>773799.73</v>
      </c>
      <c r="F84" s="12">
        <v>2736260.39</v>
      </c>
      <c r="G84" s="12">
        <v>0.04</v>
      </c>
      <c r="H84" s="12">
        <v>6915739.6100000003</v>
      </c>
      <c r="I84" s="12">
        <v>1371860.63</v>
      </c>
      <c r="J84" s="12">
        <v>2730201.61</v>
      </c>
      <c r="K84" s="12">
        <v>0.05</v>
      </c>
      <c r="L84" s="12">
        <v>6921798.3899999997</v>
      </c>
    </row>
    <row r="85" spans="1:12" x14ac:dyDescent="0.25">
      <c r="A85" s="3" t="s">
        <v>153</v>
      </c>
      <c r="B85" s="5" t="s">
        <v>428</v>
      </c>
      <c r="C85" s="11">
        <v>70652900</v>
      </c>
      <c r="D85" s="11">
        <v>70852900</v>
      </c>
      <c r="E85" s="11">
        <v>5474247.7199999997</v>
      </c>
      <c r="F85" s="11">
        <v>14757069.76</v>
      </c>
      <c r="G85" s="11">
        <v>0.22</v>
      </c>
      <c r="H85" s="11">
        <v>56095830.240000002</v>
      </c>
      <c r="I85" s="11">
        <v>4870113.82</v>
      </c>
      <c r="J85" s="11">
        <v>12565343.609999999</v>
      </c>
      <c r="K85" s="11">
        <v>0.25</v>
      </c>
      <c r="L85" s="11">
        <v>58287556.390000001</v>
      </c>
    </row>
    <row r="86" spans="1:12" x14ac:dyDescent="0.25">
      <c r="A86" s="2" t="s">
        <v>155</v>
      </c>
      <c r="B86" s="4" t="s">
        <v>384</v>
      </c>
      <c r="C86" s="12">
        <v>19295600</v>
      </c>
      <c r="D86" s="12">
        <v>19345600</v>
      </c>
      <c r="E86" s="12">
        <v>2920741.34</v>
      </c>
      <c r="F86" s="12">
        <v>7527639.6699999999</v>
      </c>
      <c r="G86" s="12">
        <v>0.11</v>
      </c>
      <c r="H86" s="12">
        <v>11817960.33</v>
      </c>
      <c r="I86" s="12">
        <v>2758430.75</v>
      </c>
      <c r="J86" s="12">
        <v>7205358.9699999997</v>
      </c>
      <c r="K86" s="12">
        <v>0.14000000000000001</v>
      </c>
      <c r="L86" s="12">
        <v>12140241.029999999</v>
      </c>
    </row>
    <row r="87" spans="1:12" x14ac:dyDescent="0.25">
      <c r="A87" s="2" t="s">
        <v>157</v>
      </c>
      <c r="B87" s="4" t="s">
        <v>429</v>
      </c>
      <c r="C87" s="12">
        <v>22000</v>
      </c>
      <c r="D87" s="12">
        <v>712112</v>
      </c>
      <c r="E87" s="12">
        <v>0</v>
      </c>
      <c r="F87" s="12">
        <v>419111.59</v>
      </c>
      <c r="G87" s="12">
        <v>0.01</v>
      </c>
      <c r="H87" s="12">
        <v>293000.40999999997</v>
      </c>
      <c r="I87" s="12">
        <v>0</v>
      </c>
      <c r="J87" s="12">
        <v>419111.59</v>
      </c>
      <c r="K87" s="12">
        <v>0.01</v>
      </c>
      <c r="L87" s="12">
        <v>293000.40999999997</v>
      </c>
    </row>
    <row r="88" spans="1:12" x14ac:dyDescent="0.25">
      <c r="A88" s="2" t="s">
        <v>159</v>
      </c>
      <c r="B88" s="4" t="s">
        <v>430</v>
      </c>
      <c r="C88" s="12">
        <v>51285300</v>
      </c>
      <c r="D88" s="12">
        <v>50745188</v>
      </c>
      <c r="E88" s="12">
        <v>2550986.38</v>
      </c>
      <c r="F88" s="12">
        <v>6807798.5</v>
      </c>
      <c r="G88" s="12">
        <v>0.1</v>
      </c>
      <c r="H88" s="12">
        <v>43937389.5</v>
      </c>
      <c r="I88" s="12">
        <v>2110720.5499999998</v>
      </c>
      <c r="J88" s="12">
        <v>4939910.53</v>
      </c>
      <c r="K88" s="12">
        <v>0.1</v>
      </c>
      <c r="L88" s="12">
        <v>45805277.469999999</v>
      </c>
    </row>
    <row r="89" spans="1:12" x14ac:dyDescent="0.25">
      <c r="A89" s="2" t="s">
        <v>161</v>
      </c>
      <c r="B89" s="4" t="s">
        <v>391</v>
      </c>
      <c r="C89" s="12">
        <v>50000</v>
      </c>
      <c r="D89" s="12">
        <v>50000</v>
      </c>
      <c r="E89" s="12">
        <v>2520</v>
      </c>
      <c r="F89" s="12">
        <v>2520</v>
      </c>
      <c r="G89" s="12">
        <v>0</v>
      </c>
      <c r="H89" s="12">
        <v>47480</v>
      </c>
      <c r="I89" s="12">
        <v>962.52</v>
      </c>
      <c r="J89" s="12">
        <v>962.52</v>
      </c>
      <c r="K89" s="12">
        <v>0</v>
      </c>
      <c r="L89" s="12">
        <v>49037.48</v>
      </c>
    </row>
    <row r="90" spans="1:12" x14ac:dyDescent="0.25">
      <c r="A90" s="3" t="s">
        <v>163</v>
      </c>
      <c r="B90" s="5" t="s">
        <v>431</v>
      </c>
      <c r="C90" s="11">
        <v>279829700</v>
      </c>
      <c r="D90" s="11">
        <v>279979700</v>
      </c>
      <c r="E90" s="11">
        <v>44103751.020000003</v>
      </c>
      <c r="F90" s="11">
        <v>115982170.88</v>
      </c>
      <c r="G90" s="11">
        <v>1.77</v>
      </c>
      <c r="H90" s="11">
        <v>163997529.12</v>
      </c>
      <c r="I90" s="11">
        <v>46481453.810000002</v>
      </c>
      <c r="J90" s="11">
        <v>113730431.5</v>
      </c>
      <c r="K90" s="11">
        <v>2.25</v>
      </c>
      <c r="L90" s="11">
        <v>166249268.5</v>
      </c>
    </row>
    <row r="91" spans="1:12" x14ac:dyDescent="0.25">
      <c r="A91" s="2" t="s">
        <v>176</v>
      </c>
      <c r="B91" s="4" t="s">
        <v>395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  <c r="H91" s="12">
        <v>0</v>
      </c>
      <c r="I91" s="12">
        <v>0</v>
      </c>
      <c r="J91" s="12">
        <v>0</v>
      </c>
      <c r="K91" s="12">
        <v>0</v>
      </c>
      <c r="L91" s="12">
        <v>0</v>
      </c>
    </row>
    <row r="92" spans="1:12" x14ac:dyDescent="0.25">
      <c r="A92" s="2" t="s">
        <v>178</v>
      </c>
      <c r="B92" s="4" t="s">
        <v>403</v>
      </c>
      <c r="C92" s="12">
        <v>269450500</v>
      </c>
      <c r="D92" s="12">
        <v>269450500</v>
      </c>
      <c r="E92" s="12">
        <v>43561173.880000003</v>
      </c>
      <c r="F92" s="12">
        <v>114146387.26000001</v>
      </c>
      <c r="G92" s="12">
        <v>1.74</v>
      </c>
      <c r="H92" s="12">
        <v>155304112.74000001</v>
      </c>
      <c r="I92" s="12">
        <v>45703522.75</v>
      </c>
      <c r="J92" s="12">
        <v>112023523.03</v>
      </c>
      <c r="K92" s="12">
        <v>2.2200000000000002</v>
      </c>
      <c r="L92" s="12">
        <v>157426976.97</v>
      </c>
    </row>
    <row r="93" spans="1:12" x14ac:dyDescent="0.25">
      <c r="A93" s="2" t="s">
        <v>180</v>
      </c>
      <c r="B93" s="4" t="s">
        <v>391</v>
      </c>
      <c r="C93" s="12">
        <v>9875600</v>
      </c>
      <c r="D93" s="12">
        <v>10025600</v>
      </c>
      <c r="E93" s="12">
        <v>542577.14</v>
      </c>
      <c r="F93" s="12">
        <v>1835783.62</v>
      </c>
      <c r="G93" s="12">
        <v>0.03</v>
      </c>
      <c r="H93" s="12">
        <v>8189816.3799999999</v>
      </c>
      <c r="I93" s="12">
        <v>777931.06</v>
      </c>
      <c r="J93" s="12">
        <v>1706908.47</v>
      </c>
      <c r="K93" s="12">
        <v>0.03</v>
      </c>
      <c r="L93" s="12">
        <v>8318691.5300000003</v>
      </c>
    </row>
    <row r="94" spans="1:12" x14ac:dyDescent="0.25">
      <c r="A94" s="2" t="s">
        <v>182</v>
      </c>
      <c r="B94" s="4" t="s">
        <v>432</v>
      </c>
      <c r="C94" s="12">
        <v>503600</v>
      </c>
      <c r="D94" s="12">
        <v>503600</v>
      </c>
      <c r="E94" s="12">
        <v>0</v>
      </c>
      <c r="F94" s="12">
        <v>0</v>
      </c>
      <c r="G94" s="12">
        <v>0</v>
      </c>
      <c r="H94" s="12">
        <v>503600</v>
      </c>
      <c r="I94" s="12">
        <v>0</v>
      </c>
      <c r="J94" s="12">
        <v>0</v>
      </c>
      <c r="K94" s="12">
        <v>0</v>
      </c>
      <c r="L94" s="12">
        <v>503600</v>
      </c>
    </row>
    <row r="95" spans="1:12" x14ac:dyDescent="0.25">
      <c r="A95" s="3" t="s">
        <v>184</v>
      </c>
      <c r="B95" s="5" t="s">
        <v>433</v>
      </c>
      <c r="C95" s="11">
        <v>0</v>
      </c>
      <c r="D95" s="11">
        <v>0</v>
      </c>
      <c r="E95" s="11">
        <v>0</v>
      </c>
      <c r="F95" s="11">
        <v>0</v>
      </c>
      <c r="G95" s="11">
        <v>0</v>
      </c>
      <c r="H95" s="11">
        <v>0</v>
      </c>
      <c r="I95" s="11">
        <v>0</v>
      </c>
      <c r="J95" s="11">
        <v>0</v>
      </c>
      <c r="K95" s="11">
        <v>0</v>
      </c>
      <c r="L95" s="11">
        <v>0</v>
      </c>
    </row>
    <row r="96" spans="1:12" x14ac:dyDescent="0.25">
      <c r="A96" s="2" t="s">
        <v>186</v>
      </c>
      <c r="B96" s="4" t="s">
        <v>434</v>
      </c>
      <c r="C96" s="12">
        <v>0</v>
      </c>
      <c r="D96" s="12">
        <v>0</v>
      </c>
      <c r="E96" s="12">
        <v>0</v>
      </c>
      <c r="F96" s="12">
        <v>0</v>
      </c>
      <c r="G96" s="12">
        <v>0</v>
      </c>
      <c r="H96" s="12">
        <v>0</v>
      </c>
      <c r="I96" s="12">
        <v>0</v>
      </c>
      <c r="J96" s="12">
        <v>0</v>
      </c>
      <c r="K96" s="12">
        <v>0</v>
      </c>
      <c r="L96" s="12">
        <v>0</v>
      </c>
    </row>
    <row r="97" spans="1:12" x14ac:dyDescent="0.25">
      <c r="A97" s="3" t="s">
        <v>188</v>
      </c>
      <c r="B97" s="5" t="s">
        <v>435</v>
      </c>
      <c r="C97" s="11">
        <v>18097300</v>
      </c>
      <c r="D97" s="11">
        <v>23892620</v>
      </c>
      <c r="E97" s="11">
        <v>4451191.32</v>
      </c>
      <c r="F97" s="11">
        <v>11359698.6</v>
      </c>
      <c r="G97" s="11">
        <v>0.17</v>
      </c>
      <c r="H97" s="11">
        <v>12532921.4</v>
      </c>
      <c r="I97" s="11">
        <v>2864743.99</v>
      </c>
      <c r="J97" s="11">
        <v>6578615.7000000002</v>
      </c>
      <c r="K97" s="11">
        <v>0.13</v>
      </c>
      <c r="L97" s="11">
        <v>17314004.300000001</v>
      </c>
    </row>
    <row r="98" spans="1:12" x14ac:dyDescent="0.25">
      <c r="A98" s="2" t="s">
        <v>190</v>
      </c>
      <c r="B98" s="4" t="s">
        <v>384</v>
      </c>
      <c r="C98" s="12">
        <v>11422700</v>
      </c>
      <c r="D98" s="12">
        <v>11422700</v>
      </c>
      <c r="E98" s="12">
        <v>1583770.55</v>
      </c>
      <c r="F98" s="12">
        <v>4492254.4800000004</v>
      </c>
      <c r="G98" s="12">
        <v>7.0000000000000007E-2</v>
      </c>
      <c r="H98" s="12">
        <v>6930445.5199999996</v>
      </c>
      <c r="I98" s="12">
        <v>1512781.89</v>
      </c>
      <c r="J98" s="12">
        <v>4041451.91</v>
      </c>
      <c r="K98" s="12">
        <v>0.08</v>
      </c>
      <c r="L98" s="12">
        <v>7381248.0899999999</v>
      </c>
    </row>
    <row r="99" spans="1:12" x14ac:dyDescent="0.25">
      <c r="A99" s="2" t="s">
        <v>192</v>
      </c>
      <c r="B99" s="4" t="s">
        <v>393</v>
      </c>
      <c r="C99" s="12">
        <v>1000</v>
      </c>
      <c r="D99" s="12">
        <v>1000</v>
      </c>
      <c r="E99" s="12">
        <v>0</v>
      </c>
      <c r="F99" s="12">
        <v>0</v>
      </c>
      <c r="G99" s="12">
        <v>0</v>
      </c>
      <c r="H99" s="12">
        <v>1000</v>
      </c>
      <c r="I99" s="12">
        <v>0</v>
      </c>
      <c r="J99" s="12">
        <v>0</v>
      </c>
      <c r="K99" s="12">
        <v>0</v>
      </c>
      <c r="L99" s="12">
        <v>1000</v>
      </c>
    </row>
    <row r="100" spans="1:12" x14ac:dyDescent="0.25">
      <c r="A100" s="2" t="s">
        <v>194</v>
      </c>
      <c r="B100" s="4" t="s">
        <v>436</v>
      </c>
      <c r="C100" s="12">
        <v>6673600</v>
      </c>
      <c r="D100" s="12">
        <v>12468920</v>
      </c>
      <c r="E100" s="12">
        <v>2867420.77</v>
      </c>
      <c r="F100" s="12">
        <v>6867444.1200000001</v>
      </c>
      <c r="G100" s="12">
        <v>0.1</v>
      </c>
      <c r="H100" s="12">
        <v>5601475.8799999999</v>
      </c>
      <c r="I100" s="12">
        <v>1351962.1</v>
      </c>
      <c r="J100" s="12">
        <v>2537163.79</v>
      </c>
      <c r="K100" s="12">
        <v>0.05</v>
      </c>
      <c r="L100" s="12">
        <v>9931756.2100000009</v>
      </c>
    </row>
    <row r="101" spans="1:12" x14ac:dyDescent="0.25">
      <c r="A101" s="3" t="s">
        <v>196</v>
      </c>
      <c r="B101" s="5" t="s">
        <v>437</v>
      </c>
      <c r="C101" s="11">
        <v>113282300</v>
      </c>
      <c r="D101" s="11">
        <v>114508030</v>
      </c>
      <c r="E101" s="11">
        <v>9499924.1400000006</v>
      </c>
      <c r="F101" s="11">
        <v>29497789.609999999</v>
      </c>
      <c r="G101" s="11">
        <v>0.45</v>
      </c>
      <c r="H101" s="11">
        <v>85010240.390000001</v>
      </c>
      <c r="I101" s="11">
        <v>3996104.68</v>
      </c>
      <c r="J101" s="11">
        <v>6719304.4500000002</v>
      </c>
      <c r="K101" s="11">
        <v>0.13</v>
      </c>
      <c r="L101" s="11">
        <v>107788725.55</v>
      </c>
    </row>
    <row r="102" spans="1:12" x14ac:dyDescent="0.25">
      <c r="A102" s="2" t="s">
        <v>198</v>
      </c>
      <c r="B102" s="4" t="s">
        <v>438</v>
      </c>
      <c r="C102" s="12">
        <v>113282300</v>
      </c>
      <c r="D102" s="12">
        <v>114508030</v>
      </c>
      <c r="E102" s="12">
        <v>9499924.1400000006</v>
      </c>
      <c r="F102" s="12">
        <v>29497789.609999999</v>
      </c>
      <c r="G102" s="12">
        <v>0.45</v>
      </c>
      <c r="H102" s="12">
        <v>85010240.390000001</v>
      </c>
      <c r="I102" s="12">
        <v>3996104.68</v>
      </c>
      <c r="J102" s="12">
        <v>6719304.4500000002</v>
      </c>
      <c r="K102" s="12">
        <v>0.13</v>
      </c>
      <c r="L102" s="12">
        <v>107788725.55</v>
      </c>
    </row>
    <row r="103" spans="1:12" x14ac:dyDescent="0.25">
      <c r="A103" s="3" t="s">
        <v>200</v>
      </c>
      <c r="B103" s="5" t="s">
        <v>439</v>
      </c>
      <c r="C103" s="11">
        <v>88485300</v>
      </c>
      <c r="D103" s="11">
        <v>119495238.3</v>
      </c>
      <c r="E103" s="11">
        <v>12625749</v>
      </c>
      <c r="F103" s="11">
        <v>22625650.23</v>
      </c>
      <c r="G103" s="11">
        <v>0.34</v>
      </c>
      <c r="H103" s="11">
        <v>96869588.069999993</v>
      </c>
      <c r="I103" s="11">
        <v>5864360.5700000003</v>
      </c>
      <c r="J103" s="11">
        <v>12976473.710000001</v>
      </c>
      <c r="K103" s="11">
        <v>0.26</v>
      </c>
      <c r="L103" s="11">
        <v>106518764.59</v>
      </c>
    </row>
    <row r="104" spans="1:12" x14ac:dyDescent="0.25">
      <c r="A104" s="2" t="s">
        <v>202</v>
      </c>
      <c r="B104" s="4" t="s">
        <v>384</v>
      </c>
      <c r="C104" s="12">
        <v>49575700</v>
      </c>
      <c r="D104" s="12">
        <v>46072138.299999997</v>
      </c>
      <c r="E104" s="12">
        <v>5376736.8899999997</v>
      </c>
      <c r="F104" s="12">
        <v>11713247.800000001</v>
      </c>
      <c r="G104" s="12">
        <v>0.18</v>
      </c>
      <c r="H104" s="12">
        <v>34358890.5</v>
      </c>
      <c r="I104" s="12">
        <v>3902780.8</v>
      </c>
      <c r="J104" s="12">
        <v>10068116.880000001</v>
      </c>
      <c r="K104" s="12">
        <v>0.2</v>
      </c>
      <c r="L104" s="12">
        <v>36004021.420000002</v>
      </c>
    </row>
    <row r="105" spans="1:12" x14ac:dyDescent="0.25">
      <c r="A105" s="2" t="s">
        <v>204</v>
      </c>
      <c r="B105" s="4" t="s">
        <v>399</v>
      </c>
      <c r="C105" s="12">
        <v>3900000</v>
      </c>
      <c r="D105" s="12">
        <v>5912000</v>
      </c>
      <c r="E105" s="12">
        <v>361653.16</v>
      </c>
      <c r="F105" s="12">
        <v>775597.67</v>
      </c>
      <c r="G105" s="12">
        <v>0.01</v>
      </c>
      <c r="H105" s="12">
        <v>5136402.33</v>
      </c>
      <c r="I105" s="12">
        <v>179629.88</v>
      </c>
      <c r="J105" s="12">
        <v>320892.84000000003</v>
      </c>
      <c r="K105" s="12">
        <v>0.01</v>
      </c>
      <c r="L105" s="12">
        <v>5591107.1600000001</v>
      </c>
    </row>
    <row r="106" spans="1:12" x14ac:dyDescent="0.25">
      <c r="A106" s="2" t="s">
        <v>206</v>
      </c>
      <c r="B106" s="4" t="s">
        <v>440</v>
      </c>
      <c r="C106" s="12">
        <v>29981800</v>
      </c>
      <c r="D106" s="12">
        <v>62005300</v>
      </c>
      <c r="E106" s="12">
        <v>6314577.54</v>
      </c>
      <c r="F106" s="12">
        <v>9301349.5199999996</v>
      </c>
      <c r="G106" s="12">
        <v>0.14000000000000001</v>
      </c>
      <c r="H106" s="12">
        <v>52703950.479999997</v>
      </c>
      <c r="I106" s="12">
        <v>1233678.92</v>
      </c>
      <c r="J106" s="12">
        <v>1953001.09</v>
      </c>
      <c r="K106" s="12">
        <v>0.04</v>
      </c>
      <c r="L106" s="12">
        <v>60052298.909999996</v>
      </c>
    </row>
    <row r="107" spans="1:12" x14ac:dyDescent="0.25">
      <c r="A107" s="2" t="s">
        <v>208</v>
      </c>
      <c r="B107" s="4" t="s">
        <v>441</v>
      </c>
      <c r="C107" s="12">
        <v>4726300</v>
      </c>
      <c r="D107" s="12">
        <v>5204300</v>
      </c>
      <c r="E107" s="12">
        <v>572781.41</v>
      </c>
      <c r="F107" s="12">
        <v>835455.24</v>
      </c>
      <c r="G107" s="12">
        <v>0.01</v>
      </c>
      <c r="H107" s="12">
        <v>4368844.76</v>
      </c>
      <c r="I107" s="12">
        <v>548270.97</v>
      </c>
      <c r="J107" s="12">
        <v>634462.9</v>
      </c>
      <c r="K107" s="12">
        <v>0.01</v>
      </c>
      <c r="L107" s="12">
        <v>4569837.0999999996</v>
      </c>
    </row>
    <row r="108" spans="1:12" x14ac:dyDescent="0.25">
      <c r="A108" s="2" t="s">
        <v>210</v>
      </c>
      <c r="B108" s="4" t="s">
        <v>442</v>
      </c>
      <c r="C108" s="12">
        <v>201500</v>
      </c>
      <c r="D108" s="12">
        <v>201500</v>
      </c>
      <c r="E108" s="12">
        <v>0</v>
      </c>
      <c r="F108" s="12">
        <v>0</v>
      </c>
      <c r="G108" s="12">
        <v>0</v>
      </c>
      <c r="H108" s="12">
        <v>201500</v>
      </c>
      <c r="I108" s="12">
        <v>0</v>
      </c>
      <c r="J108" s="12">
        <v>0</v>
      </c>
      <c r="K108" s="12">
        <v>0</v>
      </c>
      <c r="L108" s="12">
        <v>201500</v>
      </c>
    </row>
    <row r="109" spans="1:12" x14ac:dyDescent="0.25">
      <c r="A109" s="2" t="s">
        <v>212</v>
      </c>
      <c r="B109" s="4" t="s">
        <v>443</v>
      </c>
      <c r="C109" s="12">
        <v>100000</v>
      </c>
      <c r="D109" s="12">
        <v>100000</v>
      </c>
      <c r="E109" s="12">
        <v>0</v>
      </c>
      <c r="F109" s="12">
        <v>0</v>
      </c>
      <c r="G109" s="12">
        <v>0</v>
      </c>
      <c r="H109" s="12">
        <v>100000</v>
      </c>
      <c r="I109" s="12">
        <v>0</v>
      </c>
      <c r="J109" s="12">
        <v>0</v>
      </c>
      <c r="K109" s="12">
        <v>0</v>
      </c>
      <c r="L109" s="12">
        <v>100000</v>
      </c>
    </row>
    <row r="110" spans="1:12" x14ac:dyDescent="0.25">
      <c r="A110" s="3" t="s">
        <v>214</v>
      </c>
      <c r="B110" s="5" t="s">
        <v>444</v>
      </c>
      <c r="C110" s="11">
        <v>36168200</v>
      </c>
      <c r="D110" s="11">
        <v>40559986</v>
      </c>
      <c r="E110" s="11">
        <v>454150</v>
      </c>
      <c r="F110" s="11">
        <v>3056003.1</v>
      </c>
      <c r="G110" s="11">
        <v>0.05</v>
      </c>
      <c r="H110" s="11">
        <v>37503982.899999999</v>
      </c>
      <c r="I110" s="11">
        <v>333570.62</v>
      </c>
      <c r="J110" s="11">
        <v>2838923.77</v>
      </c>
      <c r="K110" s="11">
        <v>0.05</v>
      </c>
      <c r="L110" s="11">
        <v>37721062.229999997</v>
      </c>
    </row>
    <row r="111" spans="1:12" x14ac:dyDescent="0.25">
      <c r="A111" s="2" t="s">
        <v>215</v>
      </c>
      <c r="B111" s="4" t="s">
        <v>385</v>
      </c>
      <c r="C111" s="12">
        <v>200</v>
      </c>
      <c r="D111" s="12">
        <v>200</v>
      </c>
      <c r="E111" s="12">
        <v>0</v>
      </c>
      <c r="F111" s="12">
        <v>0</v>
      </c>
      <c r="G111" s="12">
        <v>0</v>
      </c>
      <c r="H111" s="12">
        <v>200</v>
      </c>
      <c r="I111" s="12">
        <v>0</v>
      </c>
      <c r="J111" s="12">
        <v>0</v>
      </c>
      <c r="K111" s="12">
        <v>0</v>
      </c>
      <c r="L111" s="12">
        <v>200</v>
      </c>
    </row>
    <row r="112" spans="1:12" x14ac:dyDescent="0.25">
      <c r="A112" s="2" t="s">
        <v>216</v>
      </c>
      <c r="B112" s="4" t="s">
        <v>427</v>
      </c>
      <c r="C112" s="12">
        <v>13734900</v>
      </c>
      <c r="D112" s="12">
        <v>15283250</v>
      </c>
      <c r="E112" s="12">
        <v>62200</v>
      </c>
      <c r="F112" s="12">
        <v>2317765.86</v>
      </c>
      <c r="G112" s="12">
        <v>0.04</v>
      </c>
      <c r="H112" s="12">
        <v>12965484.140000001</v>
      </c>
      <c r="I112" s="12">
        <v>62200</v>
      </c>
      <c r="J112" s="12">
        <v>2227765.85</v>
      </c>
      <c r="K112" s="12">
        <v>0.04</v>
      </c>
      <c r="L112" s="12">
        <v>13055484.15</v>
      </c>
    </row>
    <row r="113" spans="1:12" x14ac:dyDescent="0.25">
      <c r="A113" s="2" t="s">
        <v>218</v>
      </c>
      <c r="B113" s="4" t="s">
        <v>445</v>
      </c>
      <c r="C113" s="12">
        <v>22433100</v>
      </c>
      <c r="D113" s="12">
        <v>25276536</v>
      </c>
      <c r="E113" s="12">
        <v>391950</v>
      </c>
      <c r="F113" s="12">
        <v>738237.24</v>
      </c>
      <c r="G113" s="12">
        <v>0.01</v>
      </c>
      <c r="H113" s="12">
        <v>24538298.760000002</v>
      </c>
      <c r="I113" s="12">
        <v>271370.62</v>
      </c>
      <c r="J113" s="12">
        <v>611157.92000000004</v>
      </c>
      <c r="K113" s="12">
        <v>0.01</v>
      </c>
      <c r="L113" s="12">
        <v>24665378.079999998</v>
      </c>
    </row>
    <row r="114" spans="1:12" x14ac:dyDescent="0.25">
      <c r="A114" s="3" t="s">
        <v>220</v>
      </c>
      <c r="B114" s="5" t="s">
        <v>446</v>
      </c>
      <c r="C114" s="11">
        <v>169886100</v>
      </c>
      <c r="D114" s="11">
        <v>258185517</v>
      </c>
      <c r="E114" s="11">
        <v>18515358.18</v>
      </c>
      <c r="F114" s="11">
        <v>53508801.229999997</v>
      </c>
      <c r="G114" s="11">
        <v>0.82</v>
      </c>
      <c r="H114" s="11">
        <v>204676715.77000001</v>
      </c>
      <c r="I114" s="11">
        <v>18438226.09</v>
      </c>
      <c r="J114" s="11">
        <v>46109742.210000001</v>
      </c>
      <c r="K114" s="11">
        <v>0.91</v>
      </c>
      <c r="L114" s="11">
        <v>212075774.78999999</v>
      </c>
    </row>
    <row r="115" spans="1:12" x14ac:dyDescent="0.25">
      <c r="A115" s="2" t="s">
        <v>222</v>
      </c>
      <c r="B115" s="4" t="s">
        <v>384</v>
      </c>
      <c r="C115" s="12">
        <v>113138800</v>
      </c>
      <c r="D115" s="12">
        <v>113138800</v>
      </c>
      <c r="E115" s="12">
        <v>15223443.390000001</v>
      </c>
      <c r="F115" s="12">
        <v>40366528.890000001</v>
      </c>
      <c r="G115" s="12">
        <v>0.62</v>
      </c>
      <c r="H115" s="12">
        <v>72772271.109999999</v>
      </c>
      <c r="I115" s="12">
        <v>15377951.619999999</v>
      </c>
      <c r="J115" s="12">
        <v>39861552.119999997</v>
      </c>
      <c r="K115" s="12">
        <v>0.79</v>
      </c>
      <c r="L115" s="12">
        <v>73277247.879999995</v>
      </c>
    </row>
    <row r="116" spans="1:12" x14ac:dyDescent="0.25">
      <c r="A116" s="2" t="s">
        <v>225</v>
      </c>
      <c r="B116" s="4" t="s">
        <v>432</v>
      </c>
      <c r="C116" s="12">
        <v>1000</v>
      </c>
      <c r="D116" s="12">
        <v>1000</v>
      </c>
      <c r="E116" s="12">
        <v>0</v>
      </c>
      <c r="F116" s="12">
        <v>0</v>
      </c>
      <c r="G116" s="12">
        <v>0</v>
      </c>
      <c r="H116" s="12">
        <v>1000</v>
      </c>
      <c r="I116" s="12">
        <v>0</v>
      </c>
      <c r="J116" s="12">
        <v>0</v>
      </c>
      <c r="K116" s="12">
        <v>0</v>
      </c>
      <c r="L116" s="12">
        <v>1000</v>
      </c>
    </row>
    <row r="117" spans="1:12" x14ac:dyDescent="0.25">
      <c r="A117" s="2" t="s">
        <v>227</v>
      </c>
      <c r="B117" s="4" t="s">
        <v>440</v>
      </c>
      <c r="C117" s="12">
        <v>100</v>
      </c>
      <c r="D117" s="12">
        <v>100</v>
      </c>
      <c r="E117" s="12">
        <v>0</v>
      </c>
      <c r="F117" s="12">
        <v>0</v>
      </c>
      <c r="G117" s="12">
        <v>0</v>
      </c>
      <c r="H117" s="12">
        <v>100</v>
      </c>
      <c r="I117" s="12">
        <v>0</v>
      </c>
      <c r="J117" s="12">
        <v>0</v>
      </c>
      <c r="K117" s="12">
        <v>0</v>
      </c>
      <c r="L117" s="12">
        <v>100</v>
      </c>
    </row>
    <row r="118" spans="1:12" x14ac:dyDescent="0.25">
      <c r="A118" s="2" t="s">
        <v>229</v>
      </c>
      <c r="B118" s="4" t="s">
        <v>441</v>
      </c>
      <c r="C118" s="12">
        <v>1000000</v>
      </c>
      <c r="D118" s="12">
        <v>1000000</v>
      </c>
      <c r="E118" s="12">
        <v>0</v>
      </c>
      <c r="F118" s="12">
        <v>0</v>
      </c>
      <c r="G118" s="12">
        <v>0</v>
      </c>
      <c r="H118" s="12">
        <v>1000000</v>
      </c>
      <c r="I118" s="12">
        <v>0</v>
      </c>
      <c r="J118" s="12">
        <v>0</v>
      </c>
      <c r="K118" s="12">
        <v>0</v>
      </c>
      <c r="L118" s="12">
        <v>1000000</v>
      </c>
    </row>
    <row r="119" spans="1:12" x14ac:dyDescent="0.25">
      <c r="A119" s="2" t="s">
        <v>231</v>
      </c>
      <c r="B119" s="4" t="s">
        <v>443</v>
      </c>
      <c r="C119" s="12">
        <v>420000</v>
      </c>
      <c r="D119" s="12">
        <v>474000</v>
      </c>
      <c r="E119" s="12">
        <v>105826</v>
      </c>
      <c r="F119" s="12">
        <v>105826</v>
      </c>
      <c r="G119" s="12">
        <v>0</v>
      </c>
      <c r="H119" s="12">
        <v>368174</v>
      </c>
      <c r="I119" s="12">
        <v>0</v>
      </c>
      <c r="J119" s="12">
        <v>0</v>
      </c>
      <c r="K119" s="12">
        <v>0</v>
      </c>
      <c r="L119" s="12">
        <v>474000</v>
      </c>
    </row>
    <row r="120" spans="1:12" x14ac:dyDescent="0.25">
      <c r="A120" s="2" t="s">
        <v>233</v>
      </c>
      <c r="B120" s="4" t="s">
        <v>445</v>
      </c>
      <c r="C120" s="12">
        <v>61500</v>
      </c>
      <c r="D120" s="12">
        <v>4175000</v>
      </c>
      <c r="E120" s="12">
        <v>9500</v>
      </c>
      <c r="F120" s="12">
        <v>945145.21</v>
      </c>
      <c r="G120" s="12">
        <v>0.01</v>
      </c>
      <c r="H120" s="12">
        <v>3229854.79</v>
      </c>
      <c r="I120" s="12">
        <v>6272.93</v>
      </c>
      <c r="J120" s="12">
        <v>8909.93</v>
      </c>
      <c r="K120" s="12">
        <v>0</v>
      </c>
      <c r="L120" s="12">
        <v>4166090.07</v>
      </c>
    </row>
    <row r="121" spans="1:12" x14ac:dyDescent="0.25">
      <c r="A121" s="2" t="s">
        <v>235</v>
      </c>
      <c r="B121" s="4" t="s">
        <v>447</v>
      </c>
      <c r="C121" s="12">
        <v>25974000</v>
      </c>
      <c r="D121" s="12">
        <v>98581217</v>
      </c>
      <c r="E121" s="12">
        <v>613398.41</v>
      </c>
      <c r="F121" s="12">
        <v>1710007.96</v>
      </c>
      <c r="G121" s="12">
        <v>0.03</v>
      </c>
      <c r="H121" s="12">
        <v>96871209.040000007</v>
      </c>
      <c r="I121" s="12">
        <v>551854.94999999995</v>
      </c>
      <c r="J121" s="12">
        <v>751011.68</v>
      </c>
      <c r="K121" s="12">
        <v>0.01</v>
      </c>
      <c r="L121" s="12">
        <v>97830205.319999993</v>
      </c>
    </row>
    <row r="122" spans="1:12" x14ac:dyDescent="0.25">
      <c r="A122" s="2" t="s">
        <v>237</v>
      </c>
      <c r="B122" s="4" t="s">
        <v>448</v>
      </c>
      <c r="C122" s="12">
        <v>100000</v>
      </c>
      <c r="D122" s="12">
        <v>100000</v>
      </c>
      <c r="E122" s="12">
        <v>0</v>
      </c>
      <c r="F122" s="12">
        <v>0</v>
      </c>
      <c r="G122" s="12">
        <v>0</v>
      </c>
      <c r="H122" s="12">
        <v>100000</v>
      </c>
      <c r="I122" s="12">
        <v>0</v>
      </c>
      <c r="J122" s="12">
        <v>0</v>
      </c>
      <c r="K122" s="12">
        <v>0</v>
      </c>
      <c r="L122" s="12">
        <v>100000</v>
      </c>
    </row>
    <row r="123" spans="1:12" x14ac:dyDescent="0.25">
      <c r="A123" s="2" t="s">
        <v>239</v>
      </c>
      <c r="B123" s="4" t="s">
        <v>449</v>
      </c>
      <c r="C123" s="12">
        <v>8555100</v>
      </c>
      <c r="D123" s="12">
        <v>8555100</v>
      </c>
      <c r="E123" s="12">
        <v>4447.97</v>
      </c>
      <c r="F123" s="12">
        <v>1649641.26</v>
      </c>
      <c r="G123" s="12">
        <v>0.03</v>
      </c>
      <c r="H123" s="12">
        <v>6905458.7400000002</v>
      </c>
      <c r="I123" s="12">
        <v>477427.28</v>
      </c>
      <c r="J123" s="12">
        <v>1123804.3400000001</v>
      </c>
      <c r="K123" s="12">
        <v>0.02</v>
      </c>
      <c r="L123" s="12">
        <v>7431295.6600000001</v>
      </c>
    </row>
    <row r="124" spans="1:12" x14ac:dyDescent="0.25">
      <c r="A124" s="2" t="s">
        <v>241</v>
      </c>
      <c r="B124" s="4" t="s">
        <v>450</v>
      </c>
      <c r="C124" s="12">
        <v>20635600</v>
      </c>
      <c r="D124" s="12">
        <v>32160300</v>
      </c>
      <c r="E124" s="12">
        <v>2558742.41</v>
      </c>
      <c r="F124" s="12">
        <v>8731651.9100000001</v>
      </c>
      <c r="G124" s="12">
        <v>0.13</v>
      </c>
      <c r="H124" s="12">
        <v>23428648.09</v>
      </c>
      <c r="I124" s="12">
        <v>2024719.31</v>
      </c>
      <c r="J124" s="12">
        <v>4364464.1399999997</v>
      </c>
      <c r="K124" s="12">
        <v>0.09</v>
      </c>
      <c r="L124" s="12">
        <v>27795835.859999999</v>
      </c>
    </row>
    <row r="125" spans="1:12" x14ac:dyDescent="0.25">
      <c r="A125" s="3" t="s">
        <v>243</v>
      </c>
      <c r="B125" s="5" t="s">
        <v>451</v>
      </c>
      <c r="C125" s="11">
        <v>3830000</v>
      </c>
      <c r="D125" s="11">
        <v>4336000</v>
      </c>
      <c r="E125" s="11">
        <v>974578.64</v>
      </c>
      <c r="F125" s="11">
        <v>1602769.52</v>
      </c>
      <c r="G125" s="11">
        <v>0.02</v>
      </c>
      <c r="H125" s="11">
        <v>2733230.48</v>
      </c>
      <c r="I125" s="11">
        <v>166077.79999999999</v>
      </c>
      <c r="J125" s="11">
        <v>263506.3</v>
      </c>
      <c r="K125" s="11">
        <v>0.01</v>
      </c>
      <c r="L125" s="11">
        <v>4072493.7</v>
      </c>
    </row>
    <row r="126" spans="1:12" x14ac:dyDescent="0.25">
      <c r="A126" s="2" t="s">
        <v>245</v>
      </c>
      <c r="B126" s="4" t="s">
        <v>452</v>
      </c>
      <c r="C126" s="12">
        <v>3830000</v>
      </c>
      <c r="D126" s="12">
        <v>4336000</v>
      </c>
      <c r="E126" s="12">
        <v>974578.64</v>
      </c>
      <c r="F126" s="12">
        <v>1602769.52</v>
      </c>
      <c r="G126" s="12">
        <v>0.02</v>
      </c>
      <c r="H126" s="12">
        <v>2733230.48</v>
      </c>
      <c r="I126" s="12">
        <v>166077.79999999999</v>
      </c>
      <c r="J126" s="12">
        <v>263506.3</v>
      </c>
      <c r="K126" s="12">
        <v>0.01</v>
      </c>
      <c r="L126" s="12">
        <v>4072493.7</v>
      </c>
    </row>
    <row r="127" spans="1:12" x14ac:dyDescent="0.25">
      <c r="A127" s="3" t="s">
        <v>247</v>
      </c>
      <c r="B127" s="5" t="s">
        <v>453</v>
      </c>
      <c r="C127" s="11">
        <v>217427400</v>
      </c>
      <c r="D127" s="11">
        <v>217427400</v>
      </c>
      <c r="E127" s="11">
        <v>1348595.81</v>
      </c>
      <c r="F127" s="11">
        <v>2426262.46</v>
      </c>
      <c r="G127" s="11">
        <v>0.04</v>
      </c>
      <c r="H127" s="11">
        <v>215001137.53999999</v>
      </c>
      <c r="I127" s="11">
        <v>1648621.2</v>
      </c>
      <c r="J127" s="11">
        <v>1725578.46</v>
      </c>
      <c r="K127" s="11">
        <v>0.03</v>
      </c>
      <c r="L127" s="11">
        <v>215701821.53999999</v>
      </c>
    </row>
    <row r="128" spans="1:12" x14ac:dyDescent="0.25">
      <c r="A128" s="2" t="s">
        <v>249</v>
      </c>
      <c r="B128" s="4" t="s">
        <v>454</v>
      </c>
      <c r="C128" s="12">
        <v>217427400</v>
      </c>
      <c r="D128" s="12">
        <v>217427400</v>
      </c>
      <c r="E128" s="12">
        <v>1348595.81</v>
      </c>
      <c r="F128" s="12">
        <v>2426262.46</v>
      </c>
      <c r="G128" s="12">
        <v>0.04</v>
      </c>
      <c r="H128" s="12">
        <v>215001137.53999999</v>
      </c>
      <c r="I128" s="12">
        <v>1648621.2</v>
      </c>
      <c r="J128" s="12">
        <v>1725578.46</v>
      </c>
      <c r="K128" s="12">
        <v>0.03</v>
      </c>
      <c r="L128" s="12">
        <v>215701821.53999999</v>
      </c>
    </row>
    <row r="129" spans="1:12" x14ac:dyDescent="0.25">
      <c r="A129" s="3" t="s">
        <v>251</v>
      </c>
      <c r="B129" s="5" t="s">
        <v>455</v>
      </c>
      <c r="C129" s="11">
        <v>40061100</v>
      </c>
      <c r="D129" s="11">
        <v>41075816</v>
      </c>
      <c r="E129" s="11">
        <v>2515427.08</v>
      </c>
      <c r="F129" s="11">
        <v>7502779.7000000002</v>
      </c>
      <c r="G129" s="11">
        <v>0.11</v>
      </c>
      <c r="H129" s="11">
        <v>33573036.299999997</v>
      </c>
      <c r="I129" s="11">
        <v>2546553.9900000002</v>
      </c>
      <c r="J129" s="11">
        <v>5500092.1799999997</v>
      </c>
      <c r="K129" s="11">
        <v>0.11</v>
      </c>
      <c r="L129" s="11">
        <v>35575723.82</v>
      </c>
    </row>
    <row r="130" spans="1:12" x14ac:dyDescent="0.25">
      <c r="A130" s="2" t="s">
        <v>253</v>
      </c>
      <c r="B130" s="4" t="s">
        <v>456</v>
      </c>
      <c r="C130" s="12">
        <v>12821600</v>
      </c>
      <c r="D130" s="12">
        <v>12949600</v>
      </c>
      <c r="E130" s="12">
        <v>1307035.93</v>
      </c>
      <c r="F130" s="12">
        <v>2941685.58</v>
      </c>
      <c r="G130" s="12">
        <v>0.04</v>
      </c>
      <c r="H130" s="12">
        <v>10007914.42</v>
      </c>
      <c r="I130" s="12">
        <v>1256983.3</v>
      </c>
      <c r="J130" s="12">
        <v>2617193.27</v>
      </c>
      <c r="K130" s="12">
        <v>0.05</v>
      </c>
      <c r="L130" s="12">
        <v>10332406.73</v>
      </c>
    </row>
    <row r="131" spans="1:12" x14ac:dyDescent="0.25">
      <c r="A131" s="2" t="s">
        <v>255</v>
      </c>
      <c r="B131" s="4" t="s">
        <v>457</v>
      </c>
      <c r="C131" s="12">
        <v>100</v>
      </c>
      <c r="D131" s="12">
        <v>100</v>
      </c>
      <c r="E131" s="12">
        <v>0</v>
      </c>
      <c r="F131" s="12">
        <v>0</v>
      </c>
      <c r="G131" s="12">
        <v>0</v>
      </c>
      <c r="H131" s="12">
        <v>100</v>
      </c>
      <c r="I131" s="12">
        <v>0</v>
      </c>
      <c r="J131" s="12">
        <v>0</v>
      </c>
      <c r="K131" s="12">
        <v>0</v>
      </c>
      <c r="L131" s="12">
        <v>100</v>
      </c>
    </row>
    <row r="132" spans="1:12" x14ac:dyDescent="0.25">
      <c r="A132" s="2" t="s">
        <v>257</v>
      </c>
      <c r="B132" s="4" t="s">
        <v>458</v>
      </c>
      <c r="C132" s="12">
        <v>9792300</v>
      </c>
      <c r="D132" s="12">
        <v>8665699</v>
      </c>
      <c r="E132" s="12">
        <v>978496.16</v>
      </c>
      <c r="F132" s="12">
        <v>2533346.37</v>
      </c>
      <c r="G132" s="12">
        <v>0.04</v>
      </c>
      <c r="H132" s="12">
        <v>6132352.6299999999</v>
      </c>
      <c r="I132" s="12">
        <v>990755.96</v>
      </c>
      <c r="J132" s="12">
        <v>2431199.83</v>
      </c>
      <c r="K132" s="12">
        <v>0.05</v>
      </c>
      <c r="L132" s="12">
        <v>6234499.1699999999</v>
      </c>
    </row>
    <row r="133" spans="1:12" x14ac:dyDescent="0.25">
      <c r="A133" s="2" t="s">
        <v>259</v>
      </c>
      <c r="B133" s="4" t="s">
        <v>459</v>
      </c>
      <c r="C133" s="12">
        <v>17447100</v>
      </c>
      <c r="D133" s="12">
        <v>19460417</v>
      </c>
      <c r="E133" s="12">
        <v>229894.99</v>
      </c>
      <c r="F133" s="12">
        <v>2027747.75</v>
      </c>
      <c r="G133" s="12">
        <v>0.03</v>
      </c>
      <c r="H133" s="12">
        <v>17432669.25</v>
      </c>
      <c r="I133" s="12">
        <v>298814.73</v>
      </c>
      <c r="J133" s="12">
        <v>451699.08</v>
      </c>
      <c r="K133" s="12">
        <v>0.01</v>
      </c>
      <c r="L133" s="12">
        <v>19008717.920000002</v>
      </c>
    </row>
    <row r="134" spans="1:12" x14ac:dyDescent="0.25">
      <c r="A134" s="3" t="s">
        <v>261</v>
      </c>
      <c r="B134" s="5" t="s">
        <v>460</v>
      </c>
      <c r="C134" s="11">
        <v>1600</v>
      </c>
      <c r="D134" s="11">
        <v>1600</v>
      </c>
      <c r="E134" s="11">
        <v>0</v>
      </c>
      <c r="F134" s="11">
        <v>0</v>
      </c>
      <c r="G134" s="11">
        <v>0</v>
      </c>
      <c r="H134" s="11">
        <v>1600</v>
      </c>
      <c r="I134" s="11">
        <v>0</v>
      </c>
      <c r="J134" s="11">
        <v>0</v>
      </c>
      <c r="K134" s="11">
        <v>0</v>
      </c>
      <c r="L134" s="11">
        <v>1600</v>
      </c>
    </row>
    <row r="135" spans="1:12" x14ac:dyDescent="0.25">
      <c r="A135" s="2" t="s">
        <v>263</v>
      </c>
      <c r="B135" s="4" t="s">
        <v>387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  <c r="J135" s="12">
        <v>0</v>
      </c>
      <c r="K135" s="12">
        <v>0</v>
      </c>
      <c r="L135" s="12">
        <v>0</v>
      </c>
    </row>
    <row r="136" spans="1:12" x14ac:dyDescent="0.25">
      <c r="A136" s="2" t="s">
        <v>265</v>
      </c>
      <c r="B136" s="4" t="s">
        <v>461</v>
      </c>
      <c r="C136" s="12">
        <v>1600</v>
      </c>
      <c r="D136" s="12">
        <v>1600</v>
      </c>
      <c r="E136" s="12">
        <v>0</v>
      </c>
      <c r="F136" s="12">
        <v>0</v>
      </c>
      <c r="G136" s="12">
        <v>0</v>
      </c>
      <c r="H136" s="12">
        <v>1600</v>
      </c>
      <c r="I136" s="12">
        <v>0</v>
      </c>
      <c r="J136" s="12">
        <v>0</v>
      </c>
      <c r="K136" s="12">
        <v>0</v>
      </c>
      <c r="L136" s="12">
        <v>1600</v>
      </c>
    </row>
    <row r="137" spans="1:12" x14ac:dyDescent="0.25">
      <c r="A137" s="3" t="s">
        <v>267</v>
      </c>
      <c r="B137" s="5" t="s">
        <v>462</v>
      </c>
      <c r="C137" s="11">
        <v>2000</v>
      </c>
      <c r="D137" s="11">
        <v>1330600</v>
      </c>
      <c r="E137" s="11">
        <v>296189.84999999998</v>
      </c>
      <c r="F137" s="11">
        <v>413845.9</v>
      </c>
      <c r="G137" s="11">
        <v>0.01</v>
      </c>
      <c r="H137" s="11">
        <v>916754.1</v>
      </c>
      <c r="I137" s="11">
        <v>106536.34</v>
      </c>
      <c r="J137" s="11">
        <v>149856.28</v>
      </c>
      <c r="K137" s="11">
        <v>0</v>
      </c>
      <c r="L137" s="11">
        <v>1180743.72</v>
      </c>
    </row>
    <row r="138" spans="1:12" x14ac:dyDescent="0.25">
      <c r="A138" s="2" t="s">
        <v>269</v>
      </c>
      <c r="B138" s="4" t="s">
        <v>463</v>
      </c>
      <c r="C138" s="12">
        <v>1000</v>
      </c>
      <c r="D138" s="12">
        <v>1000</v>
      </c>
      <c r="E138" s="12">
        <v>0</v>
      </c>
      <c r="F138" s="12">
        <v>0</v>
      </c>
      <c r="G138" s="12">
        <v>0</v>
      </c>
      <c r="H138" s="12">
        <v>1000</v>
      </c>
      <c r="I138" s="12">
        <v>0</v>
      </c>
      <c r="J138" s="12">
        <v>0</v>
      </c>
      <c r="K138" s="12">
        <v>0</v>
      </c>
      <c r="L138" s="12">
        <v>1000</v>
      </c>
    </row>
    <row r="139" spans="1:12" x14ac:dyDescent="0.25">
      <c r="A139" s="2" t="s">
        <v>271</v>
      </c>
      <c r="B139" s="4" t="s">
        <v>464</v>
      </c>
      <c r="C139" s="12">
        <v>1000</v>
      </c>
      <c r="D139" s="12">
        <v>1329600</v>
      </c>
      <c r="E139" s="12">
        <v>296189.84999999998</v>
      </c>
      <c r="F139" s="12">
        <v>413845.9</v>
      </c>
      <c r="G139" s="12">
        <v>0.01</v>
      </c>
      <c r="H139" s="12">
        <v>915754.1</v>
      </c>
      <c r="I139" s="12">
        <v>106536.34</v>
      </c>
      <c r="J139" s="12">
        <v>149856.28</v>
      </c>
      <c r="K139" s="12">
        <v>0</v>
      </c>
      <c r="L139" s="12">
        <v>1179743.72</v>
      </c>
    </row>
    <row r="140" spans="1:12" x14ac:dyDescent="0.25">
      <c r="A140" s="3" t="s">
        <v>273</v>
      </c>
      <c r="B140" s="5" t="s">
        <v>465</v>
      </c>
      <c r="C140" s="11">
        <v>978760600</v>
      </c>
      <c r="D140" s="11">
        <v>975850662.28999996</v>
      </c>
      <c r="E140" s="11">
        <v>205371123.62</v>
      </c>
      <c r="F140" s="11">
        <v>443912717.63999999</v>
      </c>
      <c r="G140" s="11">
        <v>6.77</v>
      </c>
      <c r="H140" s="11">
        <v>531937944.64999998</v>
      </c>
      <c r="I140" s="11">
        <v>135421272.88999999</v>
      </c>
      <c r="J140" s="11">
        <v>246225558.65000001</v>
      </c>
      <c r="K140" s="11">
        <v>4.88</v>
      </c>
      <c r="L140" s="11">
        <v>729625103.63999999</v>
      </c>
    </row>
    <row r="141" spans="1:12" x14ac:dyDescent="0.25">
      <c r="A141" s="2" t="s">
        <v>275</v>
      </c>
      <c r="B141" s="4" t="s">
        <v>384</v>
      </c>
      <c r="C141" s="12">
        <v>94096100</v>
      </c>
      <c r="D141" s="12">
        <v>81545596.290000007</v>
      </c>
      <c r="E141" s="12">
        <v>9030655.8699999992</v>
      </c>
      <c r="F141" s="12">
        <v>24108265.73</v>
      </c>
      <c r="G141" s="12">
        <v>0.37</v>
      </c>
      <c r="H141" s="12">
        <v>57437330.560000002</v>
      </c>
      <c r="I141" s="12">
        <v>8988922.0199999996</v>
      </c>
      <c r="J141" s="12">
        <v>23123336.300000001</v>
      </c>
      <c r="K141" s="12">
        <v>0.46</v>
      </c>
      <c r="L141" s="12">
        <v>58422259.990000002</v>
      </c>
    </row>
    <row r="142" spans="1:12" x14ac:dyDescent="0.25">
      <c r="A142" s="2" t="s">
        <v>277</v>
      </c>
      <c r="B142" s="4" t="s">
        <v>458</v>
      </c>
      <c r="C142" s="12">
        <v>100</v>
      </c>
      <c r="D142" s="12">
        <v>100</v>
      </c>
      <c r="E142" s="12">
        <v>0</v>
      </c>
      <c r="F142" s="12">
        <v>0</v>
      </c>
      <c r="G142" s="12">
        <v>0</v>
      </c>
      <c r="H142" s="12">
        <v>100</v>
      </c>
      <c r="I142" s="12">
        <v>0</v>
      </c>
      <c r="J142" s="12">
        <v>0</v>
      </c>
      <c r="K142" s="12">
        <v>0</v>
      </c>
      <c r="L142" s="12">
        <v>100</v>
      </c>
    </row>
    <row r="143" spans="1:12" x14ac:dyDescent="0.25">
      <c r="A143" s="2" t="s">
        <v>279</v>
      </c>
      <c r="B143" s="4" t="s">
        <v>466</v>
      </c>
      <c r="C143" s="12">
        <v>629400</v>
      </c>
      <c r="D143" s="12">
        <v>4344300</v>
      </c>
      <c r="E143" s="12">
        <v>18987.5</v>
      </c>
      <c r="F143" s="12">
        <v>915078.46</v>
      </c>
      <c r="G143" s="12">
        <v>0.01</v>
      </c>
      <c r="H143" s="12">
        <v>3429221.54</v>
      </c>
      <c r="I143" s="12">
        <v>590977.03</v>
      </c>
      <c r="J143" s="12">
        <v>658877.03</v>
      </c>
      <c r="K143" s="12">
        <v>0.01</v>
      </c>
      <c r="L143" s="12">
        <v>3685422.97</v>
      </c>
    </row>
    <row r="144" spans="1:12" x14ac:dyDescent="0.25">
      <c r="A144" s="2" t="s">
        <v>281</v>
      </c>
      <c r="B144" s="4" t="s">
        <v>467</v>
      </c>
      <c r="C144" s="12">
        <v>884032800</v>
      </c>
      <c r="D144" s="12">
        <v>889958466</v>
      </c>
      <c r="E144" s="12">
        <v>196321480.25</v>
      </c>
      <c r="F144" s="12">
        <v>418889373.44999999</v>
      </c>
      <c r="G144" s="12">
        <v>6.39</v>
      </c>
      <c r="H144" s="12">
        <v>471069092.55000001</v>
      </c>
      <c r="I144" s="12">
        <v>125841373.84</v>
      </c>
      <c r="J144" s="12">
        <v>222443345.31999999</v>
      </c>
      <c r="K144" s="12">
        <v>4.41</v>
      </c>
      <c r="L144" s="12">
        <v>667515120.67999995</v>
      </c>
    </row>
    <row r="145" spans="1:12" x14ac:dyDescent="0.25">
      <c r="A145" s="2" t="s">
        <v>283</v>
      </c>
      <c r="B145" s="4" t="s">
        <v>468</v>
      </c>
      <c r="C145" s="12">
        <v>1100</v>
      </c>
      <c r="D145" s="12">
        <v>1100</v>
      </c>
      <c r="E145" s="12">
        <v>0</v>
      </c>
      <c r="F145" s="12">
        <v>0</v>
      </c>
      <c r="G145" s="12">
        <v>0</v>
      </c>
      <c r="H145" s="12">
        <v>1100</v>
      </c>
      <c r="I145" s="12">
        <v>0</v>
      </c>
      <c r="J145" s="12">
        <v>0</v>
      </c>
      <c r="K145" s="12">
        <v>0</v>
      </c>
      <c r="L145" s="12">
        <v>1100</v>
      </c>
    </row>
    <row r="146" spans="1:12" x14ac:dyDescent="0.25">
      <c r="A146" s="2" t="s">
        <v>285</v>
      </c>
      <c r="B146" s="4" t="s">
        <v>469</v>
      </c>
      <c r="C146" s="12">
        <v>1100</v>
      </c>
      <c r="D146" s="12">
        <v>1100</v>
      </c>
      <c r="E146" s="12">
        <v>0</v>
      </c>
      <c r="F146" s="12">
        <v>0</v>
      </c>
      <c r="G146" s="12">
        <v>0</v>
      </c>
      <c r="H146" s="12">
        <v>1100</v>
      </c>
      <c r="I146" s="12">
        <v>0</v>
      </c>
      <c r="J146" s="12">
        <v>0</v>
      </c>
      <c r="K146" s="12">
        <v>0</v>
      </c>
      <c r="L146" s="12">
        <v>1100</v>
      </c>
    </row>
    <row r="147" spans="1:12" x14ac:dyDescent="0.25">
      <c r="A147" s="3" t="s">
        <v>287</v>
      </c>
      <c r="B147" s="5" t="s">
        <v>470</v>
      </c>
      <c r="C147" s="11">
        <v>38644000</v>
      </c>
      <c r="D147" s="11">
        <v>39006635.619999997</v>
      </c>
      <c r="E147" s="11">
        <v>1250582.3899999999</v>
      </c>
      <c r="F147" s="11">
        <v>4361185.82</v>
      </c>
      <c r="G147" s="11">
        <v>0.06</v>
      </c>
      <c r="H147" s="11">
        <v>34645449.799999997</v>
      </c>
      <c r="I147" s="11">
        <v>1064306.1399999999</v>
      </c>
      <c r="J147" s="11">
        <v>3465629.42</v>
      </c>
      <c r="K147" s="11">
        <v>7.0000000000000007E-2</v>
      </c>
      <c r="L147" s="11">
        <v>35541006.200000003</v>
      </c>
    </row>
    <row r="148" spans="1:12" x14ac:dyDescent="0.25">
      <c r="A148" s="2" t="s">
        <v>289</v>
      </c>
      <c r="B148" s="4" t="s">
        <v>384</v>
      </c>
      <c r="C148" s="12">
        <v>5582400</v>
      </c>
      <c r="D148" s="12">
        <v>5582400</v>
      </c>
      <c r="E148" s="12">
        <v>387036.43</v>
      </c>
      <c r="F148" s="12">
        <v>815435.56</v>
      </c>
      <c r="G148" s="12">
        <v>0.01</v>
      </c>
      <c r="H148" s="12">
        <v>4766964.4400000004</v>
      </c>
      <c r="I148" s="12">
        <v>175349.44</v>
      </c>
      <c r="J148" s="12">
        <v>311296.69</v>
      </c>
      <c r="K148" s="12">
        <v>0.01</v>
      </c>
      <c r="L148" s="12">
        <v>5271103.3099999996</v>
      </c>
    </row>
    <row r="149" spans="1:12" x14ac:dyDescent="0.25">
      <c r="A149" s="2" t="s">
        <v>291</v>
      </c>
      <c r="B149" s="4" t="s">
        <v>471</v>
      </c>
      <c r="C149" s="12">
        <v>25584600</v>
      </c>
      <c r="D149" s="12">
        <v>25316400</v>
      </c>
      <c r="E149" s="12">
        <v>225446.6</v>
      </c>
      <c r="F149" s="12">
        <v>1511413.55</v>
      </c>
      <c r="G149" s="12">
        <v>0.02</v>
      </c>
      <c r="H149" s="12">
        <v>23804986.449999999</v>
      </c>
      <c r="I149" s="12">
        <v>250928.75</v>
      </c>
      <c r="J149" s="12">
        <v>1488105.98</v>
      </c>
      <c r="K149" s="12">
        <v>0.03</v>
      </c>
      <c r="L149" s="12">
        <v>23828294.02</v>
      </c>
    </row>
    <row r="150" spans="1:12" x14ac:dyDescent="0.25">
      <c r="A150" s="2" t="s">
        <v>293</v>
      </c>
      <c r="B150" s="4" t="s">
        <v>472</v>
      </c>
      <c r="C150" s="12">
        <v>7477000</v>
      </c>
      <c r="D150" s="12">
        <v>8107835.6200000001</v>
      </c>
      <c r="E150" s="12">
        <v>638099.36</v>
      </c>
      <c r="F150" s="12">
        <v>2034336.71</v>
      </c>
      <c r="G150" s="12">
        <v>0.03</v>
      </c>
      <c r="H150" s="12">
        <v>6073498.9100000001</v>
      </c>
      <c r="I150" s="12">
        <v>638027.94999999995</v>
      </c>
      <c r="J150" s="12">
        <v>1666226.75</v>
      </c>
      <c r="K150" s="12">
        <v>0.03</v>
      </c>
      <c r="L150" s="12">
        <v>6441608.8700000001</v>
      </c>
    </row>
    <row r="151" spans="1:12" x14ac:dyDescent="0.25">
      <c r="A151" s="3" t="s">
        <v>295</v>
      </c>
      <c r="B151" s="5" t="s">
        <v>473</v>
      </c>
      <c r="C151" s="11">
        <v>1088895100</v>
      </c>
      <c r="D151" s="11">
        <v>840920507</v>
      </c>
      <c r="E151" s="11">
        <v>57105867.909999996</v>
      </c>
      <c r="F151" s="11">
        <v>220785612.13999999</v>
      </c>
      <c r="G151" s="11">
        <v>3.36</v>
      </c>
      <c r="H151" s="11">
        <v>620134894.86000001</v>
      </c>
      <c r="I151" s="11">
        <v>61098945.990000002</v>
      </c>
      <c r="J151" s="11">
        <v>199918420.75</v>
      </c>
      <c r="K151" s="11">
        <v>3.96</v>
      </c>
      <c r="L151" s="11">
        <v>641002086.25</v>
      </c>
    </row>
    <row r="152" spans="1:12" x14ac:dyDescent="0.25">
      <c r="A152" s="2" t="s">
        <v>297</v>
      </c>
      <c r="B152" s="4" t="s">
        <v>474</v>
      </c>
      <c r="C152" s="12">
        <v>411477000</v>
      </c>
      <c r="D152" s="12">
        <v>348477000</v>
      </c>
      <c r="E152" s="12">
        <v>0</v>
      </c>
      <c r="F152" s="12">
        <v>62566153.859999999</v>
      </c>
      <c r="G152" s="12">
        <v>0.95</v>
      </c>
      <c r="H152" s="12">
        <v>285910846.13999999</v>
      </c>
      <c r="I152" s="12">
        <v>0</v>
      </c>
      <c r="J152" s="12">
        <v>62566153.859999999</v>
      </c>
      <c r="K152" s="12">
        <v>1.24</v>
      </c>
      <c r="L152" s="12">
        <v>285910846.13999999</v>
      </c>
    </row>
    <row r="153" spans="1:12" x14ac:dyDescent="0.25">
      <c r="A153" s="2" t="s">
        <v>299</v>
      </c>
      <c r="B153" s="4" t="s">
        <v>408</v>
      </c>
      <c r="C153" s="12">
        <v>168250100</v>
      </c>
      <c r="D153" s="12">
        <v>168250100</v>
      </c>
      <c r="E153" s="12">
        <v>12725204.27</v>
      </c>
      <c r="F153" s="12">
        <v>54542825.859999999</v>
      </c>
      <c r="G153" s="12">
        <v>0.83</v>
      </c>
      <c r="H153" s="12">
        <v>113707274.14</v>
      </c>
      <c r="I153" s="12">
        <v>22169072.190000001</v>
      </c>
      <c r="J153" s="12">
        <v>49297180.899999999</v>
      </c>
      <c r="K153" s="12">
        <v>0.98</v>
      </c>
      <c r="L153" s="12">
        <v>118952919.09999999</v>
      </c>
    </row>
    <row r="154" spans="1:12" x14ac:dyDescent="0.25">
      <c r="A154" s="2" t="s">
        <v>301</v>
      </c>
      <c r="B154" s="4" t="s">
        <v>475</v>
      </c>
      <c r="C154" s="12">
        <v>102007600</v>
      </c>
      <c r="D154" s="12">
        <v>102007600</v>
      </c>
      <c r="E154" s="12">
        <v>18955564.329999998</v>
      </c>
      <c r="F154" s="12">
        <v>19217315.75</v>
      </c>
      <c r="G154" s="12">
        <v>0.28999999999999998</v>
      </c>
      <c r="H154" s="12">
        <v>82790284.25</v>
      </c>
      <c r="I154" s="12">
        <v>18955564.329999998</v>
      </c>
      <c r="J154" s="12">
        <v>19217315.75</v>
      </c>
      <c r="K154" s="12">
        <v>0.38</v>
      </c>
      <c r="L154" s="12">
        <v>82790284.25</v>
      </c>
    </row>
    <row r="155" spans="1:12" x14ac:dyDescent="0.25">
      <c r="A155" s="2" t="s">
        <v>303</v>
      </c>
      <c r="B155" s="4" t="s">
        <v>476</v>
      </c>
      <c r="C155" s="12">
        <v>33302200</v>
      </c>
      <c r="D155" s="12">
        <v>33302200</v>
      </c>
      <c r="E155" s="12">
        <v>5536317.1600000001</v>
      </c>
      <c r="F155" s="12">
        <v>13826405.76</v>
      </c>
      <c r="G155" s="12">
        <v>0.21</v>
      </c>
      <c r="H155" s="12">
        <v>19475794.239999998</v>
      </c>
      <c r="I155" s="12">
        <v>5536317.1600000001</v>
      </c>
      <c r="J155" s="12">
        <v>13826405.76</v>
      </c>
      <c r="K155" s="12">
        <v>0.27</v>
      </c>
      <c r="L155" s="12">
        <v>19475794.239999998</v>
      </c>
    </row>
    <row r="156" spans="1:12" x14ac:dyDescent="0.25">
      <c r="A156" s="2" t="s">
        <v>305</v>
      </c>
      <c r="B156" s="4" t="s">
        <v>381</v>
      </c>
      <c r="C156" s="12">
        <v>373858200</v>
      </c>
      <c r="D156" s="12">
        <v>188883607</v>
      </c>
      <c r="E156" s="12">
        <v>19888782.149999999</v>
      </c>
      <c r="F156" s="12">
        <v>70632910.909999996</v>
      </c>
      <c r="G156" s="12">
        <v>1.08</v>
      </c>
      <c r="H156" s="12">
        <v>118250696.09</v>
      </c>
      <c r="I156" s="12">
        <v>14437992.310000001</v>
      </c>
      <c r="J156" s="12">
        <v>55011364.479999997</v>
      </c>
      <c r="K156" s="12">
        <v>1.0900000000000001</v>
      </c>
      <c r="L156" s="12">
        <v>133872242.52</v>
      </c>
    </row>
    <row r="157" spans="1:12" x14ac:dyDescent="0.25">
      <c r="A157" s="3" t="s">
        <v>307</v>
      </c>
      <c r="B157" s="5" t="s">
        <v>477</v>
      </c>
      <c r="C157" s="11">
        <v>128000000</v>
      </c>
      <c r="D157" s="11">
        <v>21815500</v>
      </c>
      <c r="E157" s="11">
        <v>0</v>
      </c>
      <c r="F157" s="11">
        <v>0</v>
      </c>
      <c r="G157" s="11">
        <v>0</v>
      </c>
      <c r="H157" s="11">
        <v>21815500</v>
      </c>
      <c r="I157" s="11">
        <v>0</v>
      </c>
      <c r="J157" s="11">
        <v>0</v>
      </c>
      <c r="K157" s="11">
        <v>0</v>
      </c>
      <c r="L157" s="11">
        <v>21815500</v>
      </c>
    </row>
    <row r="158" spans="1:12" x14ac:dyDescent="0.25">
      <c r="A158" s="2" t="s">
        <v>309</v>
      </c>
      <c r="B158" s="4" t="s">
        <v>478</v>
      </c>
      <c r="C158" s="12">
        <v>128000000</v>
      </c>
      <c r="D158" s="12">
        <v>21815500</v>
      </c>
      <c r="E158" s="12">
        <v>0</v>
      </c>
      <c r="F158" s="12">
        <v>0</v>
      </c>
      <c r="G158" s="12">
        <v>0</v>
      </c>
      <c r="H158" s="12">
        <v>21815500</v>
      </c>
      <c r="I158" s="12">
        <v>0</v>
      </c>
      <c r="J158" s="12">
        <v>0</v>
      </c>
      <c r="K158" s="12">
        <v>0</v>
      </c>
      <c r="L158" s="12">
        <v>21815500</v>
      </c>
    </row>
    <row r="159" spans="1:12" x14ac:dyDescent="0.25">
      <c r="A159" s="3" t="s">
        <v>311</v>
      </c>
      <c r="B159" s="5" t="s">
        <v>479</v>
      </c>
      <c r="C159" s="11">
        <v>1303284700</v>
      </c>
      <c r="D159" s="11">
        <v>1589211472.8800001</v>
      </c>
      <c r="E159" s="11">
        <v>283522645</v>
      </c>
      <c r="F159" s="11">
        <v>801894455.16999996</v>
      </c>
      <c r="G159" s="11">
        <v>12.22</v>
      </c>
      <c r="H159" s="11">
        <v>787317017.71000004</v>
      </c>
      <c r="I159" s="11">
        <v>307511264.95999998</v>
      </c>
      <c r="J159" s="11">
        <v>691548557.54999995</v>
      </c>
      <c r="K159" s="11">
        <v>13.7</v>
      </c>
      <c r="L159" s="11">
        <v>897662915.33000004</v>
      </c>
    </row>
    <row r="160" spans="1:12" x14ac:dyDescent="0.25">
      <c r="A160" s="3" t="s">
        <v>313</v>
      </c>
      <c r="B160" s="5" t="s">
        <v>378</v>
      </c>
      <c r="C160" s="11">
        <v>112050000</v>
      </c>
      <c r="D160" s="11">
        <v>107050000</v>
      </c>
      <c r="E160" s="11">
        <v>15804869.98</v>
      </c>
      <c r="F160" s="11">
        <v>31638482.98</v>
      </c>
      <c r="G160" s="11">
        <v>0.49</v>
      </c>
      <c r="H160" s="11">
        <v>75411517.019999996</v>
      </c>
      <c r="I160" s="11">
        <v>15804869.98</v>
      </c>
      <c r="J160" s="11">
        <v>31638482.98</v>
      </c>
      <c r="K160" s="11">
        <v>0.62</v>
      </c>
      <c r="L160" s="11">
        <v>75411517.019999996</v>
      </c>
    </row>
    <row r="161" spans="1:12" x14ac:dyDescent="0.25">
      <c r="A161" s="2" t="s">
        <v>315</v>
      </c>
      <c r="B161" s="4" t="s">
        <v>379</v>
      </c>
      <c r="C161" s="12">
        <v>53550000</v>
      </c>
      <c r="D161" s="12">
        <v>52550000</v>
      </c>
      <c r="E161" s="12">
        <v>7122841.7199999997</v>
      </c>
      <c r="F161" s="12">
        <v>14241768.65</v>
      </c>
      <c r="G161" s="12">
        <v>0.22</v>
      </c>
      <c r="H161" s="12">
        <v>38308231.350000001</v>
      </c>
      <c r="I161" s="12">
        <v>7122841.7199999997</v>
      </c>
      <c r="J161" s="12">
        <v>14241768.65</v>
      </c>
      <c r="K161" s="12">
        <v>0.28000000000000003</v>
      </c>
      <c r="L161" s="12">
        <v>38308231.350000001</v>
      </c>
    </row>
    <row r="162" spans="1:12" x14ac:dyDescent="0.25">
      <c r="A162" s="2" t="s">
        <v>317</v>
      </c>
      <c r="B162" s="4" t="s">
        <v>380</v>
      </c>
      <c r="C162" s="12">
        <v>58500000</v>
      </c>
      <c r="D162" s="12">
        <v>54500000</v>
      </c>
      <c r="E162" s="12">
        <v>8682028.2599999998</v>
      </c>
      <c r="F162" s="12">
        <v>17396714.329999998</v>
      </c>
      <c r="G162" s="12">
        <v>0.27</v>
      </c>
      <c r="H162" s="12">
        <v>37103285.670000002</v>
      </c>
      <c r="I162" s="12">
        <v>8682028.2599999998</v>
      </c>
      <c r="J162" s="12">
        <v>17396714.329999998</v>
      </c>
      <c r="K162" s="12">
        <v>0.34</v>
      </c>
      <c r="L162" s="12">
        <v>37103285.670000002</v>
      </c>
    </row>
    <row r="163" spans="1:12" x14ac:dyDescent="0.25">
      <c r="A163" s="3" t="s">
        <v>319</v>
      </c>
      <c r="B163" s="5" t="s">
        <v>382</v>
      </c>
      <c r="C163" s="11">
        <v>157649300</v>
      </c>
      <c r="D163" s="11">
        <v>158036300</v>
      </c>
      <c r="E163" s="11">
        <v>0</v>
      </c>
      <c r="F163" s="11">
        <v>158036300</v>
      </c>
      <c r="G163" s="11">
        <v>2.41</v>
      </c>
      <c r="H163" s="11">
        <v>0</v>
      </c>
      <c r="I163" s="11">
        <v>24673682.469999999</v>
      </c>
      <c r="J163" s="11">
        <v>49517103.009999998</v>
      </c>
      <c r="K163" s="11">
        <v>0.98</v>
      </c>
      <c r="L163" s="11">
        <v>108519196.98999999</v>
      </c>
    </row>
    <row r="164" spans="1:12" x14ac:dyDescent="0.25">
      <c r="A164" s="2" t="s">
        <v>321</v>
      </c>
      <c r="B164" s="4" t="s">
        <v>384</v>
      </c>
      <c r="C164" s="12">
        <v>157649300</v>
      </c>
      <c r="D164" s="12">
        <v>158036300</v>
      </c>
      <c r="E164" s="12">
        <v>0</v>
      </c>
      <c r="F164" s="12">
        <v>158036300</v>
      </c>
      <c r="G164" s="12">
        <v>2.41</v>
      </c>
      <c r="H164" s="12">
        <v>0</v>
      </c>
      <c r="I164" s="12">
        <v>24673682.469999999</v>
      </c>
      <c r="J164" s="12">
        <v>49517103.009999998</v>
      </c>
      <c r="K164" s="12">
        <v>0.98</v>
      </c>
      <c r="L164" s="12">
        <v>108519196.98999999</v>
      </c>
    </row>
    <row r="165" spans="1:12" x14ac:dyDescent="0.25">
      <c r="A165" s="3" t="s">
        <v>323</v>
      </c>
      <c r="B165" s="5" t="s">
        <v>388</v>
      </c>
      <c r="C165" s="11">
        <v>100195600</v>
      </c>
      <c r="D165" s="11">
        <v>94251600</v>
      </c>
      <c r="E165" s="11">
        <v>13928347.27</v>
      </c>
      <c r="F165" s="11">
        <v>28910535.079999998</v>
      </c>
      <c r="G165" s="11">
        <v>0.44</v>
      </c>
      <c r="H165" s="11">
        <v>65341064.920000002</v>
      </c>
      <c r="I165" s="11">
        <v>13952383.859999999</v>
      </c>
      <c r="J165" s="11">
        <v>28907581.079999998</v>
      </c>
      <c r="K165" s="11">
        <v>0.57999999999999996</v>
      </c>
      <c r="L165" s="11">
        <v>65344018.920000002</v>
      </c>
    </row>
    <row r="166" spans="1:12" x14ac:dyDescent="0.25">
      <c r="A166" s="2" t="s">
        <v>325</v>
      </c>
      <c r="B166" s="4" t="s">
        <v>389</v>
      </c>
      <c r="C166" s="12">
        <v>53919600</v>
      </c>
      <c r="D166" s="12">
        <v>47419600</v>
      </c>
      <c r="E166" s="12">
        <v>7310268.9500000002</v>
      </c>
      <c r="F166" s="12">
        <v>14599006.17</v>
      </c>
      <c r="G166" s="12">
        <v>0.22</v>
      </c>
      <c r="H166" s="12">
        <v>32820593.829999998</v>
      </c>
      <c r="I166" s="12">
        <v>7310268.9500000002</v>
      </c>
      <c r="J166" s="12">
        <v>14599006.17</v>
      </c>
      <c r="K166" s="12">
        <v>0.28999999999999998</v>
      </c>
      <c r="L166" s="12">
        <v>32820593.829999998</v>
      </c>
    </row>
    <row r="167" spans="1:12" x14ac:dyDescent="0.25">
      <c r="A167" s="2" t="s">
        <v>327</v>
      </c>
      <c r="B167" s="4" t="s">
        <v>390</v>
      </c>
      <c r="C167" s="12">
        <v>15706000</v>
      </c>
      <c r="D167" s="12">
        <v>16312000</v>
      </c>
      <c r="E167" s="12">
        <v>2176266.7599999998</v>
      </c>
      <c r="F167" s="12">
        <v>5413340.1600000001</v>
      </c>
      <c r="G167" s="12">
        <v>0.08</v>
      </c>
      <c r="H167" s="12">
        <v>10898659.84</v>
      </c>
      <c r="I167" s="12">
        <v>2173312.7599999998</v>
      </c>
      <c r="J167" s="12">
        <v>5410386.1600000001</v>
      </c>
      <c r="K167" s="12">
        <v>0.11</v>
      </c>
      <c r="L167" s="12">
        <v>10901613.84</v>
      </c>
    </row>
    <row r="168" spans="1:12" x14ac:dyDescent="0.25">
      <c r="A168" s="2" t="s">
        <v>328</v>
      </c>
      <c r="B168" s="4" t="s">
        <v>386</v>
      </c>
      <c r="C168" s="12">
        <v>50000</v>
      </c>
      <c r="D168" s="12">
        <v>60000</v>
      </c>
      <c r="E168" s="12">
        <v>0</v>
      </c>
      <c r="F168" s="12">
        <v>0</v>
      </c>
      <c r="G168" s="12">
        <v>0</v>
      </c>
      <c r="H168" s="12">
        <v>60000</v>
      </c>
      <c r="I168" s="12">
        <v>0</v>
      </c>
      <c r="J168" s="12">
        <v>0</v>
      </c>
      <c r="K168" s="12">
        <v>0</v>
      </c>
      <c r="L168" s="12">
        <v>60000</v>
      </c>
    </row>
    <row r="169" spans="1:12" x14ac:dyDescent="0.25">
      <c r="A169" s="2" t="s">
        <v>329</v>
      </c>
      <c r="B169" s="4" t="s">
        <v>391</v>
      </c>
      <c r="C169" s="12">
        <v>30520000</v>
      </c>
      <c r="D169" s="12">
        <v>30460000</v>
      </c>
      <c r="E169" s="12">
        <v>4441811.5599999996</v>
      </c>
      <c r="F169" s="12">
        <v>8898188.75</v>
      </c>
      <c r="G169" s="12">
        <v>0.14000000000000001</v>
      </c>
      <c r="H169" s="12">
        <v>21561811.25</v>
      </c>
      <c r="I169" s="12">
        <v>4468802.1500000004</v>
      </c>
      <c r="J169" s="12">
        <v>8898188.75</v>
      </c>
      <c r="K169" s="12">
        <v>0.18</v>
      </c>
      <c r="L169" s="12">
        <v>21561811.25</v>
      </c>
    </row>
    <row r="170" spans="1:12" x14ac:dyDescent="0.25">
      <c r="A170" s="3" t="s">
        <v>330</v>
      </c>
      <c r="B170" s="5" t="s">
        <v>392</v>
      </c>
      <c r="C170" s="11">
        <v>184977600</v>
      </c>
      <c r="D170" s="11">
        <v>185923266.46000001</v>
      </c>
      <c r="E170" s="11">
        <v>58679572.009999998</v>
      </c>
      <c r="F170" s="11">
        <v>117258276.94</v>
      </c>
      <c r="G170" s="11">
        <v>1.79</v>
      </c>
      <c r="H170" s="11">
        <v>68664989.519999996</v>
      </c>
      <c r="I170" s="11">
        <v>58452586.030000001</v>
      </c>
      <c r="J170" s="11">
        <v>117023991.23</v>
      </c>
      <c r="K170" s="11">
        <v>2.3199999999999998</v>
      </c>
      <c r="L170" s="11">
        <v>68899275.230000004</v>
      </c>
    </row>
    <row r="171" spans="1:12" x14ac:dyDescent="0.25">
      <c r="A171" s="2" t="s">
        <v>331</v>
      </c>
      <c r="B171" s="4" t="s">
        <v>384</v>
      </c>
      <c r="C171" s="12">
        <v>180739600</v>
      </c>
      <c r="D171" s="12">
        <v>181640266.46000001</v>
      </c>
      <c r="E171" s="12">
        <v>58226601.359999999</v>
      </c>
      <c r="F171" s="12">
        <v>116338579.52</v>
      </c>
      <c r="G171" s="12">
        <v>1.78</v>
      </c>
      <c r="H171" s="12">
        <v>65301686.939999998</v>
      </c>
      <c r="I171" s="12">
        <v>57999027.579999998</v>
      </c>
      <c r="J171" s="12">
        <v>116111005.73999999</v>
      </c>
      <c r="K171" s="12">
        <v>2.2999999999999998</v>
      </c>
      <c r="L171" s="12">
        <v>65529260.719999999</v>
      </c>
    </row>
    <row r="172" spans="1:12" x14ac:dyDescent="0.25">
      <c r="A172" s="2" t="s">
        <v>332</v>
      </c>
      <c r="B172" s="4" t="s">
        <v>393</v>
      </c>
      <c r="C172" s="12">
        <v>0</v>
      </c>
      <c r="D172" s="12">
        <v>0</v>
      </c>
      <c r="E172" s="12">
        <v>0</v>
      </c>
      <c r="F172" s="12">
        <v>0</v>
      </c>
      <c r="G172" s="12">
        <v>0</v>
      </c>
      <c r="H172" s="12">
        <v>0</v>
      </c>
      <c r="I172" s="12">
        <v>0</v>
      </c>
      <c r="J172" s="12">
        <v>0</v>
      </c>
      <c r="K172" s="12">
        <v>0</v>
      </c>
      <c r="L172" s="12">
        <v>0</v>
      </c>
    </row>
    <row r="173" spans="1:12" x14ac:dyDescent="0.25">
      <c r="A173" s="2" t="s">
        <v>333</v>
      </c>
      <c r="B173" s="4" t="s">
        <v>394</v>
      </c>
      <c r="C173" s="12">
        <v>4238000</v>
      </c>
      <c r="D173" s="12">
        <v>4238000</v>
      </c>
      <c r="E173" s="12">
        <v>437629.48</v>
      </c>
      <c r="F173" s="12">
        <v>882824.31</v>
      </c>
      <c r="G173" s="12">
        <v>0.01</v>
      </c>
      <c r="H173" s="12">
        <v>3355175.69</v>
      </c>
      <c r="I173" s="12">
        <v>437629.48</v>
      </c>
      <c r="J173" s="12">
        <v>882824.31</v>
      </c>
      <c r="K173" s="12">
        <v>0.02</v>
      </c>
      <c r="L173" s="12">
        <v>3355175.69</v>
      </c>
    </row>
    <row r="174" spans="1:12" x14ac:dyDescent="0.25">
      <c r="A174" s="2" t="s">
        <v>334</v>
      </c>
      <c r="B174" s="4" t="s">
        <v>396</v>
      </c>
      <c r="C174" s="12">
        <v>0</v>
      </c>
      <c r="D174" s="12">
        <v>45000</v>
      </c>
      <c r="E174" s="12">
        <v>15341.17</v>
      </c>
      <c r="F174" s="12">
        <v>36873.11</v>
      </c>
      <c r="G174" s="12">
        <v>0</v>
      </c>
      <c r="H174" s="12">
        <v>8126.89</v>
      </c>
      <c r="I174" s="12">
        <v>15928.97</v>
      </c>
      <c r="J174" s="12">
        <v>30161.18</v>
      </c>
      <c r="K174" s="12">
        <v>0</v>
      </c>
      <c r="L174" s="12">
        <v>14838.82</v>
      </c>
    </row>
    <row r="175" spans="1:12" x14ac:dyDescent="0.25">
      <c r="A175" s="3" t="s">
        <v>335</v>
      </c>
      <c r="B175" s="5" t="s">
        <v>398</v>
      </c>
      <c r="C175" s="11">
        <v>287670600</v>
      </c>
      <c r="D175" s="11">
        <v>473256953.70999998</v>
      </c>
      <c r="E175" s="11">
        <v>34242714.460000001</v>
      </c>
      <c r="F175" s="11">
        <v>134537028.47999999</v>
      </c>
      <c r="G175" s="11">
        <v>2.0499999999999998</v>
      </c>
      <c r="H175" s="11">
        <v>338719925.23000002</v>
      </c>
      <c r="I175" s="11">
        <v>34177350.049999997</v>
      </c>
      <c r="J175" s="11">
        <v>134380413.56</v>
      </c>
      <c r="K175" s="11">
        <v>2.66</v>
      </c>
      <c r="L175" s="11">
        <v>338876540.14999998</v>
      </c>
    </row>
    <row r="176" spans="1:12" x14ac:dyDescent="0.25">
      <c r="A176" s="2" t="s">
        <v>337</v>
      </c>
      <c r="B176" s="4" t="s">
        <v>384</v>
      </c>
      <c r="C176" s="12">
        <v>287670600</v>
      </c>
      <c r="D176" s="12">
        <v>473256953.70999998</v>
      </c>
      <c r="E176" s="12">
        <v>34242714.460000001</v>
      </c>
      <c r="F176" s="12">
        <v>134537028.47999999</v>
      </c>
      <c r="G176" s="12">
        <v>2.0499999999999998</v>
      </c>
      <c r="H176" s="12">
        <v>338719925.23000002</v>
      </c>
      <c r="I176" s="12">
        <v>34177350.049999997</v>
      </c>
      <c r="J176" s="12">
        <v>134380413.56</v>
      </c>
      <c r="K176" s="12">
        <v>2.66</v>
      </c>
      <c r="L176" s="12">
        <v>338876540.14999998</v>
      </c>
    </row>
    <row r="177" spans="1:12" x14ac:dyDescent="0.25">
      <c r="A177" s="2" t="s">
        <v>339</v>
      </c>
      <c r="B177" s="4" t="s">
        <v>399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  <c r="J177" s="12">
        <v>0</v>
      </c>
      <c r="K177" s="12">
        <v>0</v>
      </c>
      <c r="L177" s="12">
        <v>0</v>
      </c>
    </row>
    <row r="178" spans="1:12" x14ac:dyDescent="0.25">
      <c r="A178" s="3" t="s">
        <v>341</v>
      </c>
      <c r="B178" s="5" t="s">
        <v>404</v>
      </c>
      <c r="C178" s="11">
        <v>8905000</v>
      </c>
      <c r="D178" s="11">
        <v>8839500</v>
      </c>
      <c r="E178" s="11">
        <v>1371976.53</v>
      </c>
      <c r="F178" s="11">
        <v>3612899.39</v>
      </c>
      <c r="G178" s="11">
        <v>0.06</v>
      </c>
      <c r="H178" s="11">
        <v>5226600.6100000003</v>
      </c>
      <c r="I178" s="11">
        <v>1371976.53</v>
      </c>
      <c r="J178" s="11">
        <v>3612899.39</v>
      </c>
      <c r="K178" s="11">
        <v>7.0000000000000007E-2</v>
      </c>
      <c r="L178" s="11">
        <v>5226600.6100000003</v>
      </c>
    </row>
    <row r="179" spans="1:12" x14ac:dyDescent="0.25">
      <c r="A179" s="2" t="s">
        <v>343</v>
      </c>
      <c r="B179" s="4" t="s">
        <v>384</v>
      </c>
      <c r="C179" s="12">
        <v>8905000</v>
      </c>
      <c r="D179" s="12">
        <v>8839500</v>
      </c>
      <c r="E179" s="12">
        <v>1371976.53</v>
      </c>
      <c r="F179" s="12">
        <v>3612899.39</v>
      </c>
      <c r="G179" s="12">
        <v>0.06</v>
      </c>
      <c r="H179" s="12">
        <v>5226600.6100000003</v>
      </c>
      <c r="I179" s="12">
        <v>1371976.53</v>
      </c>
      <c r="J179" s="12">
        <v>3612899.39</v>
      </c>
      <c r="K179" s="12">
        <v>7.0000000000000007E-2</v>
      </c>
      <c r="L179" s="12">
        <v>5226600.6100000003</v>
      </c>
    </row>
    <row r="180" spans="1:12" x14ac:dyDescent="0.25">
      <c r="A180" s="2" t="s">
        <v>346</v>
      </c>
      <c r="B180" s="4" t="s">
        <v>406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  <c r="J180" s="12">
        <v>0</v>
      </c>
      <c r="K180" s="12">
        <v>0</v>
      </c>
      <c r="L180" s="12">
        <v>0</v>
      </c>
    </row>
    <row r="181" spans="1:12" x14ac:dyDescent="0.25">
      <c r="A181" s="3" t="s">
        <v>348</v>
      </c>
      <c r="B181" s="5" t="s">
        <v>409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  <c r="J181" s="11">
        <v>0</v>
      </c>
      <c r="K181" s="11">
        <v>0</v>
      </c>
      <c r="L181" s="11">
        <v>0</v>
      </c>
    </row>
    <row r="182" spans="1:12" x14ac:dyDescent="0.25">
      <c r="A182" s="2" t="s">
        <v>350</v>
      </c>
      <c r="B182" s="4" t="s">
        <v>396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  <c r="J182" s="12">
        <v>0</v>
      </c>
      <c r="K182" s="12">
        <v>0</v>
      </c>
      <c r="L182" s="12">
        <v>0</v>
      </c>
    </row>
    <row r="183" spans="1:12" x14ac:dyDescent="0.25">
      <c r="A183" s="3" t="s">
        <v>352</v>
      </c>
      <c r="B183" s="5" t="s">
        <v>410</v>
      </c>
      <c r="C183" s="11">
        <v>0</v>
      </c>
      <c r="D183" s="11">
        <v>31477320.870000001</v>
      </c>
      <c r="E183" s="11">
        <v>13422265.220000001</v>
      </c>
      <c r="F183" s="11">
        <v>26524421.48</v>
      </c>
      <c r="G183" s="11">
        <v>0.4</v>
      </c>
      <c r="H183" s="11">
        <v>4952899.3899999997</v>
      </c>
      <c r="I183" s="11">
        <v>13462777.220000001</v>
      </c>
      <c r="J183" s="11">
        <v>26524421.48</v>
      </c>
      <c r="K183" s="11">
        <v>0.52</v>
      </c>
      <c r="L183" s="11">
        <v>4952899.3899999997</v>
      </c>
    </row>
    <row r="184" spans="1:12" x14ac:dyDescent="0.25">
      <c r="A184" s="2" t="s">
        <v>354</v>
      </c>
      <c r="B184" s="4" t="s">
        <v>384</v>
      </c>
      <c r="C184" s="12">
        <v>0</v>
      </c>
      <c r="D184" s="12">
        <v>18153972.32</v>
      </c>
      <c r="E184" s="12">
        <v>6663764.7400000002</v>
      </c>
      <c r="F184" s="12">
        <v>13269883.91</v>
      </c>
      <c r="G184" s="12">
        <v>0.2</v>
      </c>
      <c r="H184" s="12">
        <v>4884088.41</v>
      </c>
      <c r="I184" s="12">
        <v>6663764.7400000002</v>
      </c>
      <c r="J184" s="12">
        <v>13269883.91</v>
      </c>
      <c r="K184" s="12">
        <v>0.26</v>
      </c>
      <c r="L184" s="12">
        <v>4884088.41</v>
      </c>
    </row>
    <row r="185" spans="1:12" x14ac:dyDescent="0.25">
      <c r="A185" s="2" t="s">
        <v>356</v>
      </c>
      <c r="B185" s="4" t="s">
        <v>412</v>
      </c>
      <c r="C185" s="12">
        <v>0</v>
      </c>
      <c r="D185" s="12">
        <v>13273348.550000001</v>
      </c>
      <c r="E185" s="12">
        <v>6758500.4800000004</v>
      </c>
      <c r="F185" s="12">
        <v>13214025.57</v>
      </c>
      <c r="G185" s="12">
        <v>0.2</v>
      </c>
      <c r="H185" s="12">
        <v>59322.98</v>
      </c>
      <c r="I185" s="12">
        <v>6758500.4800000004</v>
      </c>
      <c r="J185" s="12">
        <v>13214025.57</v>
      </c>
      <c r="K185" s="12">
        <v>0.26</v>
      </c>
      <c r="L185" s="12">
        <v>59322.98</v>
      </c>
    </row>
    <row r="186" spans="1:12" x14ac:dyDescent="0.25">
      <c r="A186" s="2" t="s">
        <v>358</v>
      </c>
      <c r="B186" s="4" t="s">
        <v>415</v>
      </c>
      <c r="C186" s="12">
        <v>0</v>
      </c>
      <c r="D186" s="12">
        <v>50000</v>
      </c>
      <c r="E186" s="12">
        <v>0</v>
      </c>
      <c r="F186" s="12">
        <v>40512</v>
      </c>
      <c r="G186" s="12">
        <v>0</v>
      </c>
      <c r="H186" s="12">
        <v>9488</v>
      </c>
      <c r="I186" s="12">
        <v>40512</v>
      </c>
      <c r="J186" s="12">
        <v>40512</v>
      </c>
      <c r="K186" s="12">
        <v>0</v>
      </c>
      <c r="L186" s="12">
        <v>9488</v>
      </c>
    </row>
    <row r="187" spans="1:12" x14ac:dyDescent="0.25">
      <c r="A187" s="2" t="s">
        <v>360</v>
      </c>
      <c r="B187" s="4" t="s">
        <v>391</v>
      </c>
      <c r="C187" s="12">
        <v>0</v>
      </c>
      <c r="D187" s="12">
        <v>0</v>
      </c>
      <c r="E187" s="12">
        <v>0</v>
      </c>
      <c r="F187" s="12">
        <v>0</v>
      </c>
      <c r="G187" s="12">
        <v>0</v>
      </c>
      <c r="H187" s="12">
        <v>0</v>
      </c>
      <c r="I187" s="12">
        <v>0</v>
      </c>
      <c r="J187" s="12">
        <v>0</v>
      </c>
      <c r="K187" s="12">
        <v>0</v>
      </c>
      <c r="L187" s="12">
        <v>0</v>
      </c>
    </row>
    <row r="188" spans="1:12" x14ac:dyDescent="0.25">
      <c r="A188" s="3" t="s">
        <v>362</v>
      </c>
      <c r="B188" s="5" t="s">
        <v>419</v>
      </c>
      <c r="C188" s="11">
        <v>267800</v>
      </c>
      <c r="D188" s="11">
        <v>930400</v>
      </c>
      <c r="E188" s="11">
        <v>367886.03</v>
      </c>
      <c r="F188" s="11">
        <v>918033.52</v>
      </c>
      <c r="G188" s="11">
        <v>0.01</v>
      </c>
      <c r="H188" s="11">
        <v>12366.48</v>
      </c>
      <c r="I188" s="11">
        <v>367886.03</v>
      </c>
      <c r="J188" s="11">
        <v>918033.52</v>
      </c>
      <c r="K188" s="11">
        <v>0.02</v>
      </c>
      <c r="L188" s="11">
        <v>12366.48</v>
      </c>
    </row>
    <row r="189" spans="1:12" x14ac:dyDescent="0.25">
      <c r="A189" s="2" t="s">
        <v>364</v>
      </c>
      <c r="B189" s="4" t="s">
        <v>384</v>
      </c>
      <c r="C189" s="12">
        <v>267800</v>
      </c>
      <c r="D189" s="12">
        <v>930400</v>
      </c>
      <c r="E189" s="12">
        <v>367886.03</v>
      </c>
      <c r="F189" s="12">
        <v>918033.52</v>
      </c>
      <c r="G189" s="12">
        <v>0.01</v>
      </c>
      <c r="H189" s="12">
        <v>12366.48</v>
      </c>
      <c r="I189" s="12">
        <v>367886.03</v>
      </c>
      <c r="J189" s="12">
        <v>918033.52</v>
      </c>
      <c r="K189" s="12">
        <v>0.02</v>
      </c>
      <c r="L189" s="12">
        <v>12366.48</v>
      </c>
    </row>
    <row r="190" spans="1:12" x14ac:dyDescent="0.25">
      <c r="A190" s="3" t="s">
        <v>480</v>
      </c>
      <c r="B190" s="5" t="s">
        <v>421</v>
      </c>
      <c r="C190" s="11">
        <v>351736900</v>
      </c>
      <c r="D190" s="11">
        <v>377919396.72000003</v>
      </c>
      <c r="E190" s="11">
        <v>119989634.2</v>
      </c>
      <c r="F190" s="11">
        <v>238219920.72</v>
      </c>
      <c r="G190" s="11">
        <v>3.63</v>
      </c>
      <c r="H190" s="11">
        <v>139699476</v>
      </c>
      <c r="I190" s="11">
        <v>119107338.93000001</v>
      </c>
      <c r="J190" s="11">
        <v>237332744.15000001</v>
      </c>
      <c r="K190" s="11">
        <v>4.7</v>
      </c>
      <c r="L190" s="11">
        <v>140586652.56999999</v>
      </c>
    </row>
    <row r="191" spans="1:12" x14ac:dyDescent="0.25">
      <c r="A191" s="2" t="s">
        <v>481</v>
      </c>
      <c r="B191" s="4" t="s">
        <v>384</v>
      </c>
      <c r="C191" s="12">
        <v>351736900</v>
      </c>
      <c r="D191" s="12">
        <v>377919396.72000003</v>
      </c>
      <c r="E191" s="12">
        <v>119989634.2</v>
      </c>
      <c r="F191" s="12">
        <v>238219920.72</v>
      </c>
      <c r="G191" s="12">
        <v>3.63</v>
      </c>
      <c r="H191" s="12">
        <v>139699476</v>
      </c>
      <c r="I191" s="12">
        <v>119107338.93000001</v>
      </c>
      <c r="J191" s="12">
        <v>237332744.15000001</v>
      </c>
      <c r="K191" s="12">
        <v>4.7</v>
      </c>
      <c r="L191" s="12">
        <v>140586652.56999999</v>
      </c>
    </row>
    <row r="192" spans="1:12" x14ac:dyDescent="0.25">
      <c r="A192" s="3" t="s">
        <v>482</v>
      </c>
      <c r="B192" s="5" t="s">
        <v>428</v>
      </c>
      <c r="C192" s="11">
        <v>3430900</v>
      </c>
      <c r="D192" s="11">
        <v>3430900</v>
      </c>
      <c r="E192" s="11">
        <v>499778.5</v>
      </c>
      <c r="F192" s="11">
        <v>1268585.6499999999</v>
      </c>
      <c r="G192" s="11">
        <v>0.02</v>
      </c>
      <c r="H192" s="11">
        <v>2162314.35</v>
      </c>
      <c r="I192" s="11">
        <v>497367.41</v>
      </c>
      <c r="J192" s="11">
        <v>1266174.56</v>
      </c>
      <c r="K192" s="11">
        <v>0.03</v>
      </c>
      <c r="L192" s="11">
        <v>2164725.44</v>
      </c>
    </row>
    <row r="193" spans="1:12" x14ac:dyDescent="0.25">
      <c r="A193" s="2" t="s">
        <v>483</v>
      </c>
      <c r="B193" s="4" t="s">
        <v>384</v>
      </c>
      <c r="C193" s="12">
        <v>3430900</v>
      </c>
      <c r="D193" s="12">
        <v>3430900</v>
      </c>
      <c r="E193" s="12">
        <v>499778.5</v>
      </c>
      <c r="F193" s="12">
        <v>1268585.6499999999</v>
      </c>
      <c r="G193" s="12">
        <v>0.02</v>
      </c>
      <c r="H193" s="12">
        <v>2162314.35</v>
      </c>
      <c r="I193" s="12">
        <v>497367.41</v>
      </c>
      <c r="J193" s="12">
        <v>1266174.56</v>
      </c>
      <c r="K193" s="12">
        <v>0.03</v>
      </c>
      <c r="L193" s="12">
        <v>2164725.44</v>
      </c>
    </row>
    <row r="194" spans="1:12" x14ac:dyDescent="0.25">
      <c r="A194" s="3" t="s">
        <v>484</v>
      </c>
      <c r="B194" s="5" t="s">
        <v>431</v>
      </c>
      <c r="C194" s="11">
        <v>27725500</v>
      </c>
      <c r="D194" s="11">
        <v>27725500</v>
      </c>
      <c r="E194" s="11">
        <v>5344158.41</v>
      </c>
      <c r="F194" s="11">
        <v>14354577.869999999</v>
      </c>
      <c r="G194" s="11">
        <v>0.22</v>
      </c>
      <c r="H194" s="11">
        <v>13370922.130000001</v>
      </c>
      <c r="I194" s="11">
        <v>6027606.8200000003</v>
      </c>
      <c r="J194" s="11">
        <v>14354577.869999999</v>
      </c>
      <c r="K194" s="11">
        <v>0.28000000000000003</v>
      </c>
      <c r="L194" s="11">
        <v>13370922.130000001</v>
      </c>
    </row>
    <row r="195" spans="1:12" x14ac:dyDescent="0.25">
      <c r="A195" s="2" t="s">
        <v>485</v>
      </c>
      <c r="B195" s="4" t="s">
        <v>395</v>
      </c>
      <c r="C195" s="12">
        <v>0</v>
      </c>
      <c r="D195" s="12">
        <v>0</v>
      </c>
      <c r="E195" s="12">
        <v>0</v>
      </c>
      <c r="F195" s="12">
        <v>0</v>
      </c>
      <c r="G195" s="12">
        <v>0</v>
      </c>
      <c r="H195" s="12">
        <v>0</v>
      </c>
      <c r="I195" s="12">
        <v>0</v>
      </c>
      <c r="J195" s="12">
        <v>0</v>
      </c>
      <c r="K195" s="12">
        <v>0</v>
      </c>
      <c r="L195" s="12">
        <v>0</v>
      </c>
    </row>
    <row r="196" spans="1:12" x14ac:dyDescent="0.25">
      <c r="A196" s="2" t="s">
        <v>486</v>
      </c>
      <c r="B196" s="4" t="s">
        <v>403</v>
      </c>
      <c r="C196" s="12">
        <v>27725500</v>
      </c>
      <c r="D196" s="12">
        <v>27725500</v>
      </c>
      <c r="E196" s="12">
        <v>5344158.41</v>
      </c>
      <c r="F196" s="12">
        <v>14354577.869999999</v>
      </c>
      <c r="G196" s="12">
        <v>0.22</v>
      </c>
      <c r="H196" s="12">
        <v>13370922.130000001</v>
      </c>
      <c r="I196" s="12">
        <v>6027606.8200000003</v>
      </c>
      <c r="J196" s="12">
        <v>14354577.869999999</v>
      </c>
      <c r="K196" s="12">
        <v>0.28000000000000003</v>
      </c>
      <c r="L196" s="12">
        <v>13370922.130000001</v>
      </c>
    </row>
    <row r="197" spans="1:12" x14ac:dyDescent="0.25">
      <c r="A197" s="3" t="s">
        <v>487</v>
      </c>
      <c r="B197" s="5" t="s">
        <v>435</v>
      </c>
      <c r="C197" s="11">
        <v>1296800</v>
      </c>
      <c r="D197" s="11">
        <v>1296800</v>
      </c>
      <c r="E197" s="11">
        <v>183702.68</v>
      </c>
      <c r="F197" s="11">
        <v>454831.65</v>
      </c>
      <c r="G197" s="11">
        <v>0.01</v>
      </c>
      <c r="H197" s="11">
        <v>841968.35</v>
      </c>
      <c r="I197" s="11">
        <v>183702.68</v>
      </c>
      <c r="J197" s="11">
        <v>454831.65</v>
      </c>
      <c r="K197" s="11">
        <v>0.01</v>
      </c>
      <c r="L197" s="11">
        <v>841968.35</v>
      </c>
    </row>
    <row r="198" spans="1:12" x14ac:dyDescent="0.25">
      <c r="A198" s="2" t="s">
        <v>488</v>
      </c>
      <c r="B198" s="4" t="s">
        <v>384</v>
      </c>
      <c r="C198" s="12">
        <v>1296800</v>
      </c>
      <c r="D198" s="12">
        <v>1296800</v>
      </c>
      <c r="E198" s="12">
        <v>183702.68</v>
      </c>
      <c r="F198" s="12">
        <v>454831.65</v>
      </c>
      <c r="G198" s="12">
        <v>0.01</v>
      </c>
      <c r="H198" s="12">
        <v>841968.35</v>
      </c>
      <c r="I198" s="12">
        <v>183702.68</v>
      </c>
      <c r="J198" s="12">
        <v>454831.65</v>
      </c>
      <c r="K198" s="12">
        <v>0.01</v>
      </c>
      <c r="L198" s="12">
        <v>841968.35</v>
      </c>
    </row>
    <row r="199" spans="1:12" x14ac:dyDescent="0.25">
      <c r="A199" s="3" t="s">
        <v>489</v>
      </c>
      <c r="B199" s="5" t="s">
        <v>439</v>
      </c>
      <c r="C199" s="11">
        <v>4061000</v>
      </c>
      <c r="D199" s="11">
        <v>4410461.7</v>
      </c>
      <c r="E199" s="11">
        <v>899357.29</v>
      </c>
      <c r="F199" s="11">
        <v>2258326.7200000002</v>
      </c>
      <c r="G199" s="11">
        <v>0.03</v>
      </c>
      <c r="H199" s="11">
        <v>2152134.98</v>
      </c>
      <c r="I199" s="11">
        <v>899357.29</v>
      </c>
      <c r="J199" s="11">
        <v>2258326.7200000002</v>
      </c>
      <c r="K199" s="11">
        <v>0.04</v>
      </c>
      <c r="L199" s="11">
        <v>2152134.98</v>
      </c>
    </row>
    <row r="200" spans="1:12" x14ac:dyDescent="0.25">
      <c r="A200" s="2" t="s">
        <v>490</v>
      </c>
      <c r="B200" s="4" t="s">
        <v>384</v>
      </c>
      <c r="C200" s="12">
        <v>4061000</v>
      </c>
      <c r="D200" s="12">
        <v>4410461.7</v>
      </c>
      <c r="E200" s="12">
        <v>899357.29</v>
      </c>
      <c r="F200" s="12">
        <v>2258326.7200000002</v>
      </c>
      <c r="G200" s="12">
        <v>0.03</v>
      </c>
      <c r="H200" s="12">
        <v>2152134.98</v>
      </c>
      <c r="I200" s="12">
        <v>899357.29</v>
      </c>
      <c r="J200" s="12">
        <v>2258326.7200000002</v>
      </c>
      <c r="K200" s="12">
        <v>0.04</v>
      </c>
      <c r="L200" s="12">
        <v>2152134.98</v>
      </c>
    </row>
    <row r="201" spans="1:12" x14ac:dyDescent="0.25">
      <c r="A201" s="3" t="s">
        <v>491</v>
      </c>
      <c r="B201" s="5" t="s">
        <v>446</v>
      </c>
      <c r="C201" s="11">
        <v>37994900</v>
      </c>
      <c r="D201" s="11">
        <v>37994900</v>
      </c>
      <c r="E201" s="11">
        <v>5820785.6399999997</v>
      </c>
      <c r="F201" s="11">
        <v>14543885.279999999</v>
      </c>
      <c r="G201" s="11">
        <v>0.22</v>
      </c>
      <c r="H201" s="11">
        <v>23451014.719999999</v>
      </c>
      <c r="I201" s="11">
        <v>5820785.6399999997</v>
      </c>
      <c r="J201" s="11">
        <v>14543885.279999999</v>
      </c>
      <c r="K201" s="11">
        <v>0.28999999999999998</v>
      </c>
      <c r="L201" s="11">
        <v>23451014.719999999</v>
      </c>
    </row>
    <row r="202" spans="1:12" x14ac:dyDescent="0.25">
      <c r="A202" s="2" t="s">
        <v>492</v>
      </c>
      <c r="B202" s="4" t="s">
        <v>384</v>
      </c>
      <c r="C202" s="12">
        <v>37994900</v>
      </c>
      <c r="D202" s="12">
        <v>37994900</v>
      </c>
      <c r="E202" s="12">
        <v>5820785.6399999997</v>
      </c>
      <c r="F202" s="12">
        <v>14543885.279999999</v>
      </c>
      <c r="G202" s="12">
        <v>0.22</v>
      </c>
      <c r="H202" s="12">
        <v>23451014.719999999</v>
      </c>
      <c r="I202" s="12">
        <v>5820785.6399999997</v>
      </c>
      <c r="J202" s="12">
        <v>14543885.279999999</v>
      </c>
      <c r="K202" s="12">
        <v>0.28999999999999998</v>
      </c>
      <c r="L202" s="12">
        <v>23451014.719999999</v>
      </c>
    </row>
    <row r="203" spans="1:12" x14ac:dyDescent="0.25">
      <c r="A203" s="3" t="s">
        <v>493</v>
      </c>
      <c r="B203" s="5" t="s">
        <v>455</v>
      </c>
      <c r="C203" s="11">
        <v>3143200</v>
      </c>
      <c r="D203" s="11">
        <v>4268801</v>
      </c>
      <c r="E203" s="11">
        <v>1178165.71</v>
      </c>
      <c r="F203" s="11">
        <v>1817904.52</v>
      </c>
      <c r="G203" s="11">
        <v>0.03</v>
      </c>
      <c r="H203" s="11">
        <v>2450896.48</v>
      </c>
      <c r="I203" s="11">
        <v>636509.68999999994</v>
      </c>
      <c r="J203" s="11">
        <v>1276248.5</v>
      </c>
      <c r="K203" s="11">
        <v>0.03</v>
      </c>
      <c r="L203" s="11">
        <v>2992552.5</v>
      </c>
    </row>
    <row r="204" spans="1:12" x14ac:dyDescent="0.25">
      <c r="A204" s="2" t="s">
        <v>494</v>
      </c>
      <c r="B204" s="4" t="s">
        <v>456</v>
      </c>
      <c r="C204" s="12">
        <v>1583200</v>
      </c>
      <c r="D204" s="12">
        <v>1582200</v>
      </c>
      <c r="E204" s="12">
        <v>228543.54</v>
      </c>
      <c r="F204" s="12">
        <v>457557.48</v>
      </c>
      <c r="G204" s="12">
        <v>0.01</v>
      </c>
      <c r="H204" s="12">
        <v>1124642.52</v>
      </c>
      <c r="I204" s="12">
        <v>228543.54</v>
      </c>
      <c r="J204" s="12">
        <v>457557.48</v>
      </c>
      <c r="K204" s="12">
        <v>0.01</v>
      </c>
      <c r="L204" s="12">
        <v>1124642.52</v>
      </c>
    </row>
    <row r="205" spans="1:12" x14ac:dyDescent="0.25">
      <c r="A205" s="2" t="s">
        <v>495</v>
      </c>
      <c r="B205" s="4" t="s">
        <v>458</v>
      </c>
      <c r="C205" s="12">
        <v>1560000</v>
      </c>
      <c r="D205" s="12">
        <v>2686601</v>
      </c>
      <c r="E205" s="12">
        <v>949622.17</v>
      </c>
      <c r="F205" s="12">
        <v>1360347.04</v>
      </c>
      <c r="G205" s="12">
        <v>0.02</v>
      </c>
      <c r="H205" s="12">
        <v>1326253.96</v>
      </c>
      <c r="I205" s="12">
        <v>407966.15</v>
      </c>
      <c r="J205" s="12">
        <v>818691.02</v>
      </c>
      <c r="K205" s="12">
        <v>0.02</v>
      </c>
      <c r="L205" s="12">
        <v>1867909.98</v>
      </c>
    </row>
    <row r="206" spans="1:12" x14ac:dyDescent="0.25">
      <c r="A206" s="3" t="s">
        <v>496</v>
      </c>
      <c r="B206" s="5" t="s">
        <v>465</v>
      </c>
      <c r="C206" s="11">
        <v>16386000</v>
      </c>
      <c r="D206" s="11">
        <v>26368047.710000001</v>
      </c>
      <c r="E206" s="11">
        <v>5642924.2699999996</v>
      </c>
      <c r="F206" s="11">
        <v>14071858.140000001</v>
      </c>
      <c r="G206" s="11">
        <v>0.21</v>
      </c>
      <c r="H206" s="11">
        <v>12296189.57</v>
      </c>
      <c r="I206" s="11">
        <v>5642924.2699999996</v>
      </c>
      <c r="J206" s="11">
        <v>14071858.140000001</v>
      </c>
      <c r="K206" s="11">
        <v>0.28000000000000003</v>
      </c>
      <c r="L206" s="11">
        <v>12296189.57</v>
      </c>
    </row>
    <row r="207" spans="1:12" x14ac:dyDescent="0.25">
      <c r="A207" s="2" t="s">
        <v>497</v>
      </c>
      <c r="B207" s="4" t="s">
        <v>384</v>
      </c>
      <c r="C207" s="12">
        <v>16386000</v>
      </c>
      <c r="D207" s="12">
        <v>26368047.710000001</v>
      </c>
      <c r="E207" s="12">
        <v>5642924.2699999996</v>
      </c>
      <c r="F207" s="12">
        <v>14071858.140000001</v>
      </c>
      <c r="G207" s="12">
        <v>0.21</v>
      </c>
      <c r="H207" s="12">
        <v>12296189.57</v>
      </c>
      <c r="I207" s="12">
        <v>5642924.2699999996</v>
      </c>
      <c r="J207" s="12">
        <v>14071858.140000001</v>
      </c>
      <c r="K207" s="12">
        <v>0.28000000000000003</v>
      </c>
      <c r="L207" s="12">
        <v>12296189.57</v>
      </c>
    </row>
    <row r="208" spans="1:12" x14ac:dyDescent="0.25">
      <c r="A208" s="3" t="s">
        <v>498</v>
      </c>
      <c r="B208" s="5" t="s">
        <v>470</v>
      </c>
      <c r="C208" s="11">
        <v>264000</v>
      </c>
      <c r="D208" s="11">
        <v>301724.71000000002</v>
      </c>
      <c r="E208" s="11">
        <v>54281.15</v>
      </c>
      <c r="F208" s="11">
        <v>141271.14000000001</v>
      </c>
      <c r="G208" s="11">
        <v>0</v>
      </c>
      <c r="H208" s="11">
        <v>160453.57</v>
      </c>
      <c r="I208" s="11">
        <v>54681.73</v>
      </c>
      <c r="J208" s="11">
        <v>139668.82</v>
      </c>
      <c r="K208" s="11">
        <v>0</v>
      </c>
      <c r="L208" s="11">
        <v>162055.89000000001</v>
      </c>
    </row>
    <row r="209" spans="1:12" x14ac:dyDescent="0.25">
      <c r="A209" s="2" t="s">
        <v>499</v>
      </c>
      <c r="B209" s="4" t="s">
        <v>471</v>
      </c>
      <c r="C209" s="12">
        <v>0</v>
      </c>
      <c r="D209" s="12">
        <v>0</v>
      </c>
      <c r="E209" s="12">
        <v>0</v>
      </c>
      <c r="F209" s="12">
        <v>0</v>
      </c>
      <c r="G209" s="12">
        <v>0</v>
      </c>
      <c r="H209" s="12">
        <v>0</v>
      </c>
      <c r="I209" s="12">
        <v>0</v>
      </c>
      <c r="J209" s="12">
        <v>0</v>
      </c>
      <c r="K209" s="12">
        <v>0</v>
      </c>
      <c r="L209" s="12">
        <v>0</v>
      </c>
    </row>
    <row r="210" spans="1:12" x14ac:dyDescent="0.25">
      <c r="A210" s="2" t="s">
        <v>500</v>
      </c>
      <c r="B210" s="4" t="s">
        <v>472</v>
      </c>
      <c r="C210" s="12">
        <v>264000</v>
      </c>
      <c r="D210" s="12">
        <v>301724.71000000002</v>
      </c>
      <c r="E210" s="12">
        <v>54281.15</v>
      </c>
      <c r="F210" s="12">
        <v>141271.14000000001</v>
      </c>
      <c r="G210" s="12">
        <v>0</v>
      </c>
      <c r="H210" s="12">
        <v>160453.57</v>
      </c>
      <c r="I210" s="12">
        <v>54681.73</v>
      </c>
      <c r="J210" s="12">
        <v>139668.82</v>
      </c>
      <c r="K210" s="12">
        <v>0</v>
      </c>
      <c r="L210" s="12">
        <v>162055.89000000001</v>
      </c>
    </row>
    <row r="211" spans="1:12" x14ac:dyDescent="0.25">
      <c r="A211" s="3" t="s">
        <v>501</v>
      </c>
      <c r="B211" s="5" t="s">
        <v>473</v>
      </c>
      <c r="C211" s="11">
        <v>5529600</v>
      </c>
      <c r="D211" s="11">
        <v>45729600</v>
      </c>
      <c r="E211" s="11">
        <v>6092225.6500000004</v>
      </c>
      <c r="F211" s="11">
        <v>13327315.609999999</v>
      </c>
      <c r="G211" s="11">
        <v>0.2</v>
      </c>
      <c r="H211" s="11">
        <v>32402284.390000001</v>
      </c>
      <c r="I211" s="11">
        <v>6377478.3300000001</v>
      </c>
      <c r="J211" s="11">
        <v>13327315.609999999</v>
      </c>
      <c r="K211" s="11">
        <v>0.27</v>
      </c>
      <c r="L211" s="11">
        <v>32402284.390000001</v>
      </c>
    </row>
    <row r="212" spans="1:12" x14ac:dyDescent="0.25">
      <c r="A212" s="2" t="s">
        <v>502</v>
      </c>
      <c r="B212" s="4" t="s">
        <v>408</v>
      </c>
      <c r="C212" s="12">
        <v>3729600</v>
      </c>
      <c r="D212" s="12">
        <v>3729600</v>
      </c>
      <c r="E212" s="12">
        <v>661411.55000000005</v>
      </c>
      <c r="F212" s="12">
        <v>1296010.52</v>
      </c>
      <c r="G212" s="12">
        <v>0.02</v>
      </c>
      <c r="H212" s="12">
        <v>2433589.48</v>
      </c>
      <c r="I212" s="12">
        <v>661411.55000000005</v>
      </c>
      <c r="J212" s="12">
        <v>1296010.52</v>
      </c>
      <c r="K212" s="12">
        <v>0.03</v>
      </c>
      <c r="L212" s="12">
        <v>2433589.48</v>
      </c>
    </row>
    <row r="213" spans="1:12" x14ac:dyDescent="0.25">
      <c r="A213" s="2" t="s">
        <v>503</v>
      </c>
      <c r="B213" s="4" t="s">
        <v>381</v>
      </c>
      <c r="C213" s="12">
        <v>1800000</v>
      </c>
      <c r="D213" s="12">
        <v>42000000</v>
      </c>
      <c r="E213" s="12">
        <v>5430814.0999999996</v>
      </c>
      <c r="F213" s="12">
        <v>12031305.09</v>
      </c>
      <c r="G213" s="12">
        <v>0.18</v>
      </c>
      <c r="H213" s="12">
        <v>29968694.91</v>
      </c>
      <c r="I213" s="12">
        <v>5716066.7800000003</v>
      </c>
      <c r="J213" s="12">
        <v>12031305.09</v>
      </c>
      <c r="K213" s="12">
        <v>0.24</v>
      </c>
      <c r="L213" s="12">
        <v>29968694.91</v>
      </c>
    </row>
    <row r="214" spans="1:12" x14ac:dyDescent="0.25">
      <c r="A214" s="3" t="s">
        <v>504</v>
      </c>
      <c r="B214" s="5" t="s">
        <v>505</v>
      </c>
      <c r="C214" s="11">
        <v>15800400000</v>
      </c>
      <c r="D214" s="11">
        <v>16011562300.41</v>
      </c>
      <c r="E214" s="11">
        <v>2303778232.4299998</v>
      </c>
      <c r="F214" s="11">
        <v>6554133360.8500004</v>
      </c>
      <c r="G214" s="11">
        <v>99.94</v>
      </c>
      <c r="H214" s="11">
        <v>9457428939.5599995</v>
      </c>
      <c r="I214" s="11">
        <v>2304117784.1999998</v>
      </c>
      <c r="J214" s="11">
        <v>5048524311.2399998</v>
      </c>
      <c r="K214" s="11">
        <v>99.97</v>
      </c>
      <c r="L214" s="11">
        <v>10963037989.17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workbookViewId="0"/>
  </sheetViews>
  <sheetFormatPr defaultRowHeight="15" x14ac:dyDescent="0.25"/>
  <cols>
    <col min="2" max="2" width="106.85546875" bestFit="1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50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0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508</v>
      </c>
      <c r="C10" s="10" t="s">
        <v>50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22</v>
      </c>
      <c r="P10" s="10" t="s">
        <v>523</v>
      </c>
    </row>
    <row r="11" spans="1:16" ht="21" x14ac:dyDescent="0.25">
      <c r="A11" s="10" t="s">
        <v>7</v>
      </c>
      <c r="B11" s="10" t="s">
        <v>7</v>
      </c>
      <c r="C11" s="1" t="s">
        <v>510</v>
      </c>
      <c r="D11" s="1" t="s">
        <v>511</v>
      </c>
      <c r="E11" s="1" t="s">
        <v>512</v>
      </c>
      <c r="F11" s="1" t="s">
        <v>513</v>
      </c>
      <c r="G11" s="1" t="s">
        <v>514</v>
      </c>
      <c r="H11" s="1" t="s">
        <v>515</v>
      </c>
      <c r="I11" s="1" t="s">
        <v>516</v>
      </c>
      <c r="J11" s="1" t="s">
        <v>517</v>
      </c>
      <c r="K11" s="1" t="s">
        <v>518</v>
      </c>
      <c r="L11" s="1" t="s">
        <v>519</v>
      </c>
      <c r="M11" s="1" t="s">
        <v>520</v>
      </c>
      <c r="N11" s="1" t="s">
        <v>521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24</v>
      </c>
      <c r="C12" s="11">
        <v>1277563392.53</v>
      </c>
      <c r="D12" s="11">
        <v>1404730350.71</v>
      </c>
      <c r="E12" s="11">
        <v>1337321969.98</v>
      </c>
      <c r="F12" s="11">
        <v>1286775509.29</v>
      </c>
      <c r="G12" s="11">
        <v>1271512416.3399999</v>
      </c>
      <c r="H12" s="11">
        <v>1882934607.0799999</v>
      </c>
      <c r="I12" s="11">
        <v>1425475174.6700001</v>
      </c>
      <c r="J12" s="11">
        <v>1846375777.3699999</v>
      </c>
      <c r="K12" s="11">
        <v>1867513461.6099999</v>
      </c>
      <c r="L12" s="11">
        <v>1453789595.9400001</v>
      </c>
      <c r="M12" s="11">
        <v>1660556593.46</v>
      </c>
      <c r="N12" s="11">
        <v>1319809685.9100001</v>
      </c>
      <c r="O12" s="11">
        <v>18034358534.889999</v>
      </c>
      <c r="P12" s="11">
        <v>17585204452.759998</v>
      </c>
    </row>
    <row r="13" spans="1:16" x14ac:dyDescent="0.25">
      <c r="A13" s="3" t="s">
        <v>19</v>
      </c>
      <c r="B13" s="5" t="s">
        <v>525</v>
      </c>
      <c r="C13" s="11">
        <v>841147269</v>
      </c>
      <c r="D13" s="11">
        <v>1034079832.34</v>
      </c>
      <c r="E13" s="11">
        <v>891680396.40999997</v>
      </c>
      <c r="F13" s="11">
        <v>863351300.76999998</v>
      </c>
      <c r="G13" s="11">
        <v>853843388.05999994</v>
      </c>
      <c r="H13" s="11">
        <v>856962556.46000004</v>
      </c>
      <c r="I13" s="11">
        <v>973016204.65999997</v>
      </c>
      <c r="J13" s="11">
        <v>1125053556.47</v>
      </c>
      <c r="K13" s="11">
        <v>1354654276.0899999</v>
      </c>
      <c r="L13" s="11">
        <v>938674360.50999999</v>
      </c>
      <c r="M13" s="11">
        <v>1025361324.8200001</v>
      </c>
      <c r="N13" s="11">
        <v>867698315.64999998</v>
      </c>
      <c r="O13" s="11">
        <v>11625522781.24</v>
      </c>
      <c r="P13" s="11">
        <v>11924771200</v>
      </c>
    </row>
    <row r="14" spans="1:16" x14ac:dyDescent="0.25">
      <c r="A14" s="2" t="s">
        <v>21</v>
      </c>
      <c r="B14" s="4" t="s">
        <v>526</v>
      </c>
      <c r="C14" s="12">
        <v>712415564.96000004</v>
      </c>
      <c r="D14" s="12">
        <v>722827291.83000004</v>
      </c>
      <c r="E14" s="12">
        <v>749643307.91999996</v>
      </c>
      <c r="F14" s="12">
        <v>765580892.67999995</v>
      </c>
      <c r="G14" s="12">
        <v>756156223.38</v>
      </c>
      <c r="H14" s="12">
        <v>758112891.85000002</v>
      </c>
      <c r="I14" s="12">
        <v>861271468.40999997</v>
      </c>
      <c r="J14" s="12">
        <v>918519679.75999999</v>
      </c>
      <c r="K14" s="12">
        <v>816521313.01999998</v>
      </c>
      <c r="L14" s="12">
        <v>795315645.08000004</v>
      </c>
      <c r="M14" s="12">
        <v>892537028.40999997</v>
      </c>
      <c r="N14" s="12">
        <v>762273525.63999999</v>
      </c>
      <c r="O14" s="12">
        <v>9511174832.9400005</v>
      </c>
      <c r="P14" s="12">
        <v>9799471900</v>
      </c>
    </row>
    <row r="15" spans="1:16" x14ac:dyDescent="0.25">
      <c r="A15" s="2" t="s">
        <v>23</v>
      </c>
      <c r="B15" s="4" t="s">
        <v>527</v>
      </c>
      <c r="C15" s="12">
        <v>51737764.990000002</v>
      </c>
      <c r="D15" s="12">
        <v>25507359.68</v>
      </c>
      <c r="E15" s="12">
        <v>26668077.640000001</v>
      </c>
      <c r="F15" s="12">
        <v>21481617.890000001</v>
      </c>
      <c r="G15" s="12">
        <v>20028880.57</v>
      </c>
      <c r="H15" s="12">
        <v>18005184</v>
      </c>
      <c r="I15" s="12">
        <v>12957410.41</v>
      </c>
      <c r="J15" s="12">
        <v>43225167.649999999</v>
      </c>
      <c r="K15" s="12">
        <v>356732129.58999997</v>
      </c>
      <c r="L15" s="12">
        <v>59581276.009999998</v>
      </c>
      <c r="M15" s="12">
        <v>53042750.530000001</v>
      </c>
      <c r="N15" s="12">
        <v>45243611.829999998</v>
      </c>
      <c r="O15" s="12">
        <v>734211230.78999996</v>
      </c>
      <c r="P15" s="12">
        <v>729934800</v>
      </c>
    </row>
    <row r="16" spans="1:16" x14ac:dyDescent="0.25">
      <c r="A16" s="2" t="s">
        <v>25</v>
      </c>
      <c r="B16" s="4" t="s">
        <v>528</v>
      </c>
      <c r="C16" s="12">
        <v>14755951.73</v>
      </c>
      <c r="D16" s="12">
        <v>10392269.77</v>
      </c>
      <c r="E16" s="12">
        <v>16629102.25</v>
      </c>
      <c r="F16" s="12">
        <v>16574297.01</v>
      </c>
      <c r="G16" s="12">
        <v>14121476.08</v>
      </c>
      <c r="H16" s="12">
        <v>17332954.039999999</v>
      </c>
      <c r="I16" s="12">
        <v>27484754.120000001</v>
      </c>
      <c r="J16" s="12">
        <v>18122602.640000001</v>
      </c>
      <c r="K16" s="12">
        <v>19712014.829999998</v>
      </c>
      <c r="L16" s="12">
        <v>20461929.34</v>
      </c>
      <c r="M16" s="12">
        <v>22962589.399999999</v>
      </c>
      <c r="N16" s="12">
        <v>12197148.49</v>
      </c>
      <c r="O16" s="12">
        <v>210747089.69999999</v>
      </c>
      <c r="P16" s="12">
        <v>182447900</v>
      </c>
    </row>
    <row r="17" spans="1:16" x14ac:dyDescent="0.25">
      <c r="A17" s="2" t="s">
        <v>27</v>
      </c>
      <c r="B17" s="4" t="s">
        <v>529</v>
      </c>
      <c r="C17" s="12">
        <v>41410230.409999996</v>
      </c>
      <c r="D17" s="12">
        <v>255387165.09</v>
      </c>
      <c r="E17" s="12">
        <v>75330234.260000005</v>
      </c>
      <c r="F17" s="12">
        <v>34774188.5</v>
      </c>
      <c r="G17" s="12">
        <v>41024967.670000002</v>
      </c>
      <c r="H17" s="12">
        <v>41338026.229999997</v>
      </c>
      <c r="I17" s="12">
        <v>47113706.979999997</v>
      </c>
      <c r="J17" s="12">
        <v>125958447.05</v>
      </c>
      <c r="K17" s="12">
        <v>143433405.80000001</v>
      </c>
      <c r="L17" s="12">
        <v>44138760.350000001</v>
      </c>
      <c r="M17" s="12">
        <v>37293862.130000003</v>
      </c>
      <c r="N17" s="12">
        <v>32751503.670000002</v>
      </c>
      <c r="O17" s="12">
        <v>919954498.13999999</v>
      </c>
      <c r="P17" s="12">
        <v>956647400</v>
      </c>
    </row>
    <row r="18" spans="1:16" x14ac:dyDescent="0.25">
      <c r="A18" s="2" t="s">
        <v>29</v>
      </c>
      <c r="B18" s="4" t="s">
        <v>530</v>
      </c>
      <c r="C18" s="12">
        <v>20827756.91</v>
      </c>
      <c r="D18" s="12">
        <v>19965745.969999999</v>
      </c>
      <c r="E18" s="12">
        <v>23409674.34</v>
      </c>
      <c r="F18" s="12">
        <v>24940304.690000001</v>
      </c>
      <c r="G18" s="12">
        <v>22511840.359999999</v>
      </c>
      <c r="H18" s="12">
        <v>22173500.34</v>
      </c>
      <c r="I18" s="12">
        <v>24188864.739999998</v>
      </c>
      <c r="J18" s="12">
        <v>19227659.370000001</v>
      </c>
      <c r="K18" s="12">
        <v>18255412.850000001</v>
      </c>
      <c r="L18" s="12">
        <v>19176749.73</v>
      </c>
      <c r="M18" s="12">
        <v>19525094.350000001</v>
      </c>
      <c r="N18" s="12">
        <v>15232526.02</v>
      </c>
      <c r="O18" s="12">
        <v>249435129.66999999</v>
      </c>
      <c r="P18" s="12">
        <v>256269200</v>
      </c>
    </row>
    <row r="19" spans="1:16" x14ac:dyDescent="0.25">
      <c r="A19" s="2" t="s">
        <v>31</v>
      </c>
      <c r="B19" s="4" t="s">
        <v>531</v>
      </c>
      <c r="C19" s="12">
        <v>32991929.699999999</v>
      </c>
      <c r="D19" s="12">
        <v>32689805.719999999</v>
      </c>
      <c r="E19" s="12">
        <v>60354633.600000001</v>
      </c>
      <c r="F19" s="12">
        <v>49235037.119999997</v>
      </c>
      <c r="G19" s="12">
        <v>47798004.799999997</v>
      </c>
      <c r="H19" s="12">
        <v>69291281.019999996</v>
      </c>
      <c r="I19" s="12">
        <v>13319877.67</v>
      </c>
      <c r="J19" s="12">
        <v>62023838.909999996</v>
      </c>
      <c r="K19" s="12">
        <v>64097205.280000001</v>
      </c>
      <c r="L19" s="12">
        <v>34504236.189999998</v>
      </c>
      <c r="M19" s="12">
        <v>46981819.75</v>
      </c>
      <c r="N19" s="12">
        <v>29648501.789999999</v>
      </c>
      <c r="O19" s="12">
        <v>542936171.54999995</v>
      </c>
      <c r="P19" s="12">
        <v>742510800</v>
      </c>
    </row>
    <row r="20" spans="1:16" x14ac:dyDescent="0.25">
      <c r="A20" s="3" t="s">
        <v>33</v>
      </c>
      <c r="B20" s="5" t="s">
        <v>532</v>
      </c>
      <c r="C20" s="11">
        <v>13027945.1</v>
      </c>
      <c r="D20" s="11">
        <v>8154317.7000000002</v>
      </c>
      <c r="E20" s="11">
        <v>13012557.289999999</v>
      </c>
      <c r="F20" s="11">
        <v>7347440.9199999999</v>
      </c>
      <c r="G20" s="11">
        <v>6753897.7400000002</v>
      </c>
      <c r="H20" s="11">
        <v>6656089.3200000003</v>
      </c>
      <c r="I20" s="11">
        <v>6038990.7400000002</v>
      </c>
      <c r="J20" s="11">
        <v>5143201.12</v>
      </c>
      <c r="K20" s="11">
        <v>9946006.1699999999</v>
      </c>
      <c r="L20" s="11">
        <v>9038036.9199999999</v>
      </c>
      <c r="M20" s="11">
        <v>5375828.5700000003</v>
      </c>
      <c r="N20" s="11">
        <v>3413423.1</v>
      </c>
      <c r="O20" s="11">
        <v>93907734.689999998</v>
      </c>
      <c r="P20" s="11">
        <v>108974602.76000001</v>
      </c>
    </row>
    <row r="21" spans="1:16" x14ac:dyDescent="0.25">
      <c r="A21" s="2" t="s">
        <v>35</v>
      </c>
      <c r="B21" s="4" t="s">
        <v>533</v>
      </c>
      <c r="C21" s="12">
        <v>5437375.0199999996</v>
      </c>
      <c r="D21" s="12">
        <v>4581150.57</v>
      </c>
      <c r="E21" s="12">
        <v>6135837.1200000001</v>
      </c>
      <c r="F21" s="12">
        <v>5339292.57</v>
      </c>
      <c r="G21" s="12">
        <v>5290653.54</v>
      </c>
      <c r="H21" s="12">
        <v>5301666.41</v>
      </c>
      <c r="I21" s="12">
        <v>4420592.46</v>
      </c>
      <c r="J21" s="12">
        <v>3611518.9</v>
      </c>
      <c r="K21" s="12">
        <v>3162734.25</v>
      </c>
      <c r="L21" s="12">
        <v>2866780.93</v>
      </c>
      <c r="M21" s="12">
        <v>4042738.01</v>
      </c>
      <c r="N21" s="12">
        <v>2684484.99</v>
      </c>
      <c r="O21" s="12">
        <v>52874824.770000003</v>
      </c>
      <c r="P21" s="12">
        <v>58888302.759999998</v>
      </c>
    </row>
    <row r="22" spans="1:16" x14ac:dyDescent="0.25">
      <c r="A22" s="2" t="s">
        <v>37</v>
      </c>
      <c r="B22" s="4" t="s">
        <v>534</v>
      </c>
      <c r="C22" s="12">
        <v>7590570.0800000001</v>
      </c>
      <c r="D22" s="12">
        <v>3573167.13</v>
      </c>
      <c r="E22" s="12">
        <v>6876720.1699999999</v>
      </c>
      <c r="F22" s="12">
        <v>2008148.35</v>
      </c>
      <c r="G22" s="12">
        <v>1463244.2</v>
      </c>
      <c r="H22" s="12">
        <v>1354422.91</v>
      </c>
      <c r="I22" s="12">
        <v>1618398.28</v>
      </c>
      <c r="J22" s="12">
        <v>1531682.22</v>
      </c>
      <c r="K22" s="12">
        <v>6783271.9199999999</v>
      </c>
      <c r="L22" s="12">
        <v>6171255.9900000002</v>
      </c>
      <c r="M22" s="12">
        <v>1333090.56</v>
      </c>
      <c r="N22" s="12">
        <v>728938.11</v>
      </c>
      <c r="O22" s="12">
        <v>41032909.920000002</v>
      </c>
      <c r="P22" s="12">
        <v>50086300</v>
      </c>
    </row>
    <row r="23" spans="1:16" x14ac:dyDescent="0.25">
      <c r="A23" s="2" t="s">
        <v>39</v>
      </c>
      <c r="B23" s="4" t="s">
        <v>535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1</v>
      </c>
      <c r="B24" s="4" t="s">
        <v>536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3</v>
      </c>
      <c r="B25" s="4" t="s">
        <v>537</v>
      </c>
      <c r="C25" s="12">
        <v>77339189.400000006</v>
      </c>
      <c r="D25" s="12">
        <v>54469854.289999999</v>
      </c>
      <c r="E25" s="12">
        <v>95954947.030000001</v>
      </c>
      <c r="F25" s="12">
        <v>78083157.140000001</v>
      </c>
      <c r="G25" s="12">
        <v>79163412.049999997</v>
      </c>
      <c r="H25" s="12">
        <v>78197255.930000007</v>
      </c>
      <c r="I25" s="12">
        <v>75843641.769999996</v>
      </c>
      <c r="J25" s="12">
        <v>80948692.180000007</v>
      </c>
      <c r="K25" s="12">
        <v>68409522.349999994</v>
      </c>
      <c r="L25" s="12">
        <v>36984680.939999998</v>
      </c>
      <c r="M25" s="12">
        <v>87640665.319999993</v>
      </c>
      <c r="N25" s="12">
        <v>32018236.649999999</v>
      </c>
      <c r="O25" s="12">
        <v>845053255.04999995</v>
      </c>
      <c r="P25" s="12">
        <v>817495900</v>
      </c>
    </row>
    <row r="26" spans="1:16" x14ac:dyDescent="0.25">
      <c r="A26" s="3" t="s">
        <v>45</v>
      </c>
      <c r="B26" s="5" t="s">
        <v>538</v>
      </c>
      <c r="C26" s="11">
        <v>303266061.31</v>
      </c>
      <c r="D26" s="11">
        <v>269246910.10000002</v>
      </c>
      <c r="E26" s="11">
        <v>265447802.34</v>
      </c>
      <c r="F26" s="11">
        <v>280469933.91000003</v>
      </c>
      <c r="G26" s="11">
        <v>275075661.81</v>
      </c>
      <c r="H26" s="11">
        <v>864089973.00999999</v>
      </c>
      <c r="I26" s="11">
        <v>349999637.68000001</v>
      </c>
      <c r="J26" s="11">
        <v>566550751.71000004</v>
      </c>
      <c r="K26" s="11">
        <v>364884480.77999997</v>
      </c>
      <c r="L26" s="11">
        <v>428046306.88</v>
      </c>
      <c r="M26" s="11">
        <v>488884512.82999998</v>
      </c>
      <c r="N26" s="11">
        <v>375725746.00999999</v>
      </c>
      <c r="O26" s="11">
        <v>4831687778.3699999</v>
      </c>
      <c r="P26" s="11">
        <v>3924193650</v>
      </c>
    </row>
    <row r="27" spans="1:16" x14ac:dyDescent="0.25">
      <c r="A27" s="2" t="s">
        <v>47</v>
      </c>
      <c r="B27" s="4" t="s">
        <v>539</v>
      </c>
      <c r="C27" s="12">
        <v>130771618.27</v>
      </c>
      <c r="D27" s="12">
        <v>101892513.95</v>
      </c>
      <c r="E27" s="12">
        <v>85081290.670000002</v>
      </c>
      <c r="F27" s="12">
        <v>104425759.15000001</v>
      </c>
      <c r="G27" s="12">
        <v>94554248.099999994</v>
      </c>
      <c r="H27" s="12">
        <v>83446437.859999999</v>
      </c>
      <c r="I27" s="12">
        <v>116841436.13</v>
      </c>
      <c r="J27" s="12">
        <v>142353453.91</v>
      </c>
      <c r="K27" s="12">
        <v>127435983.44</v>
      </c>
      <c r="L27" s="12">
        <v>168187799.97</v>
      </c>
      <c r="M27" s="12">
        <v>82317829.670000002</v>
      </c>
      <c r="N27" s="12">
        <v>94351565.079999998</v>
      </c>
      <c r="O27" s="12">
        <v>1331659936.2</v>
      </c>
      <c r="P27" s="12">
        <v>1227705300</v>
      </c>
    </row>
    <row r="28" spans="1:16" x14ac:dyDescent="0.25">
      <c r="A28" s="2" t="s">
        <v>49</v>
      </c>
      <c r="B28" s="4" t="s">
        <v>54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  <c r="O28" s="12">
        <v>0</v>
      </c>
      <c r="P28" s="12">
        <v>18350000</v>
      </c>
    </row>
    <row r="29" spans="1:16" x14ac:dyDescent="0.25">
      <c r="A29" s="2" t="s">
        <v>51</v>
      </c>
      <c r="B29" s="4" t="s">
        <v>541</v>
      </c>
      <c r="C29" s="12">
        <v>8380277.9900000002</v>
      </c>
      <c r="D29" s="12">
        <v>8788536.3300000001</v>
      </c>
      <c r="E29" s="12">
        <v>8896836.8000000007</v>
      </c>
      <c r="F29" s="12">
        <v>7962746.9800000004</v>
      </c>
      <c r="G29" s="12">
        <v>9706787.2300000004</v>
      </c>
      <c r="H29" s="12">
        <v>8590396.0299999993</v>
      </c>
      <c r="I29" s="12">
        <v>9021163.4900000002</v>
      </c>
      <c r="J29" s="12">
        <v>10603544.550000001</v>
      </c>
      <c r="K29" s="12">
        <v>7174777.8399999999</v>
      </c>
      <c r="L29" s="12">
        <v>7761274.5700000003</v>
      </c>
      <c r="M29" s="12">
        <v>7162527.3399999999</v>
      </c>
      <c r="N29" s="12">
        <v>6427775.8200000003</v>
      </c>
      <c r="O29" s="12">
        <v>100476644.97</v>
      </c>
      <c r="P29" s="12">
        <v>106498000</v>
      </c>
    </row>
    <row r="30" spans="1:16" x14ac:dyDescent="0.25">
      <c r="A30" s="2" t="s">
        <v>53</v>
      </c>
      <c r="B30" s="4" t="s">
        <v>542</v>
      </c>
      <c r="C30" s="12">
        <v>85135303.900000006</v>
      </c>
      <c r="D30" s="12">
        <v>79082064.379999995</v>
      </c>
      <c r="E30" s="12">
        <v>90709679.790000007</v>
      </c>
      <c r="F30" s="12">
        <v>86543559.480000004</v>
      </c>
      <c r="G30" s="12">
        <v>88945899.760000005</v>
      </c>
      <c r="H30" s="12">
        <v>90606020.640000001</v>
      </c>
      <c r="I30" s="12">
        <v>87965055.489999995</v>
      </c>
      <c r="J30" s="12">
        <v>124792277.43000001</v>
      </c>
      <c r="K30" s="12">
        <v>96758894.629999995</v>
      </c>
      <c r="L30" s="12">
        <v>113401942.84</v>
      </c>
      <c r="M30" s="12">
        <v>101800503.55</v>
      </c>
      <c r="N30" s="12">
        <v>79082361.549999997</v>
      </c>
      <c r="O30" s="12">
        <v>1124823563.4400001</v>
      </c>
      <c r="P30" s="12">
        <v>1162234200</v>
      </c>
    </row>
    <row r="31" spans="1:16" x14ac:dyDescent="0.25">
      <c r="A31" s="2" t="s">
        <v>55</v>
      </c>
      <c r="B31" s="4" t="s">
        <v>543</v>
      </c>
      <c r="C31" s="12">
        <v>78978861.150000006</v>
      </c>
      <c r="D31" s="12">
        <v>79483795.439999998</v>
      </c>
      <c r="E31" s="12">
        <v>80759995.079999998</v>
      </c>
      <c r="F31" s="12">
        <v>81537868.299999997</v>
      </c>
      <c r="G31" s="12">
        <v>81868726.719999999</v>
      </c>
      <c r="H31" s="12">
        <v>681447118.48000002</v>
      </c>
      <c r="I31" s="12">
        <v>136171982.56999999</v>
      </c>
      <c r="J31" s="12">
        <v>288801475.81999999</v>
      </c>
      <c r="K31" s="12">
        <v>133514824.87</v>
      </c>
      <c r="L31" s="12">
        <v>138695289.5</v>
      </c>
      <c r="M31" s="12">
        <v>297603652.26999998</v>
      </c>
      <c r="N31" s="12">
        <v>195864043.56</v>
      </c>
      <c r="O31" s="12">
        <v>2274727633.7600002</v>
      </c>
      <c r="P31" s="12">
        <v>1409406150</v>
      </c>
    </row>
    <row r="32" spans="1:16" x14ac:dyDescent="0.25">
      <c r="A32" s="2" t="s">
        <v>57</v>
      </c>
      <c r="B32" s="4" t="s">
        <v>544</v>
      </c>
      <c r="C32" s="12">
        <v>9790998.0199999996</v>
      </c>
      <c r="D32" s="12">
        <v>6089630.5599999996</v>
      </c>
      <c r="E32" s="12">
        <v>10871633.310000001</v>
      </c>
      <c r="F32" s="12">
        <v>8288639.4299999997</v>
      </c>
      <c r="G32" s="12">
        <v>8878051.8800000008</v>
      </c>
      <c r="H32" s="12">
        <v>7737451.3399999999</v>
      </c>
      <c r="I32" s="12">
        <v>7256822.1500000004</v>
      </c>
      <c r="J32" s="12">
        <v>6655736.9800000004</v>
      </c>
      <c r="K32" s="12">
        <v>5521970.9400000004</v>
      </c>
      <c r="L32" s="12">
        <v>6541974.5</v>
      </c>
      <c r="M32" s="12">
        <v>6312442.1699999999</v>
      </c>
      <c r="N32" s="12">
        <v>11305462.710000001</v>
      </c>
      <c r="O32" s="12">
        <v>95250813.989999995</v>
      </c>
      <c r="P32" s="12">
        <v>67258300</v>
      </c>
    </row>
    <row r="33" spans="1:16" x14ac:dyDescent="0.25">
      <c r="A33" s="3" t="s">
        <v>59</v>
      </c>
      <c r="B33" s="5" t="s">
        <v>545</v>
      </c>
      <c r="C33" s="11">
        <v>394204306.04000002</v>
      </c>
      <c r="D33" s="11">
        <v>375802161.5</v>
      </c>
      <c r="E33" s="11">
        <v>414083907.75999999</v>
      </c>
      <c r="F33" s="11">
        <v>408511340.61000001</v>
      </c>
      <c r="G33" s="11">
        <v>400494170.35000002</v>
      </c>
      <c r="H33" s="11">
        <v>420599418.11000001</v>
      </c>
      <c r="I33" s="11">
        <v>410588644.30000001</v>
      </c>
      <c r="J33" s="11">
        <v>489987155.74000001</v>
      </c>
      <c r="K33" s="11">
        <v>661868101.87</v>
      </c>
      <c r="L33" s="11">
        <v>441662810.06</v>
      </c>
      <c r="M33" s="11">
        <v>475061755.14999998</v>
      </c>
      <c r="N33" s="11">
        <v>399312726.70999998</v>
      </c>
      <c r="O33" s="11">
        <v>5292176498.1999998</v>
      </c>
      <c r="P33" s="11">
        <v>5577294600</v>
      </c>
    </row>
    <row r="34" spans="1:16" x14ac:dyDescent="0.25">
      <c r="A34" s="2" t="s">
        <v>61</v>
      </c>
      <c r="B34" s="4" t="s">
        <v>546</v>
      </c>
      <c r="C34" s="12">
        <v>218500821.84</v>
      </c>
      <c r="D34" s="12">
        <v>208038120.71000001</v>
      </c>
      <c r="E34" s="12">
        <v>216610993.72999999</v>
      </c>
      <c r="F34" s="12">
        <v>216579510.46000001</v>
      </c>
      <c r="G34" s="12">
        <v>213725222.28999999</v>
      </c>
      <c r="H34" s="12">
        <v>213949936.03999999</v>
      </c>
      <c r="I34" s="12">
        <v>236191327.83000001</v>
      </c>
      <c r="J34" s="12">
        <v>251762552.22</v>
      </c>
      <c r="K34" s="12">
        <v>411429135.08999997</v>
      </c>
      <c r="L34" s="12">
        <v>242621236.13</v>
      </c>
      <c r="M34" s="12">
        <v>263650597.15000001</v>
      </c>
      <c r="N34" s="12">
        <v>228154231.49000001</v>
      </c>
      <c r="O34" s="12">
        <v>2921213684.98</v>
      </c>
      <c r="P34" s="12">
        <v>2988469600</v>
      </c>
    </row>
    <row r="35" spans="1:16" x14ac:dyDescent="0.25">
      <c r="A35" s="2" t="s">
        <v>63</v>
      </c>
      <c r="B35" s="4" t="s">
        <v>547</v>
      </c>
      <c r="C35" s="12">
        <v>33347952.16</v>
      </c>
      <c r="D35" s="12">
        <v>32600094.309999999</v>
      </c>
      <c r="E35" s="12">
        <v>60241342.340000004</v>
      </c>
      <c r="F35" s="12">
        <v>49013028.57</v>
      </c>
      <c r="G35" s="12">
        <v>47552279.020000003</v>
      </c>
      <c r="H35" s="12">
        <v>69263729.189999998</v>
      </c>
      <c r="I35" s="12">
        <v>13232148.25</v>
      </c>
      <c r="J35" s="12">
        <v>61886623.810000002</v>
      </c>
      <c r="K35" s="12">
        <v>63915126.5</v>
      </c>
      <c r="L35" s="12">
        <v>34360311.399999999</v>
      </c>
      <c r="M35" s="12">
        <v>46789689.899999999</v>
      </c>
      <c r="N35" s="12">
        <v>29516658.510000002</v>
      </c>
      <c r="O35" s="12">
        <v>541718983.96000004</v>
      </c>
      <c r="P35" s="12">
        <v>740037300</v>
      </c>
    </row>
    <row r="36" spans="1:16" x14ac:dyDescent="0.25">
      <c r="A36" s="2" t="s">
        <v>65</v>
      </c>
      <c r="B36" s="4" t="s">
        <v>548</v>
      </c>
      <c r="C36" s="12">
        <v>-356022.46</v>
      </c>
      <c r="D36" s="12">
        <v>89711.41</v>
      </c>
      <c r="E36" s="12">
        <v>113291.26</v>
      </c>
      <c r="F36" s="12">
        <v>222008.55</v>
      </c>
      <c r="G36" s="12">
        <v>245725.78</v>
      </c>
      <c r="H36" s="12">
        <v>27551.83</v>
      </c>
      <c r="I36" s="12">
        <v>87729.42</v>
      </c>
      <c r="J36" s="12">
        <v>137215.1</v>
      </c>
      <c r="K36" s="12">
        <v>182078.78</v>
      </c>
      <c r="L36" s="12">
        <v>143924.79</v>
      </c>
      <c r="M36" s="12">
        <v>192129.85</v>
      </c>
      <c r="N36" s="12">
        <v>131843.28</v>
      </c>
      <c r="O36" s="12">
        <v>1217187.5900000001</v>
      </c>
      <c r="P36" s="12">
        <v>0</v>
      </c>
    </row>
    <row r="37" spans="1:16" x14ac:dyDescent="0.25">
      <c r="A37" s="2" t="s">
        <v>67</v>
      </c>
      <c r="B37" s="4" t="s">
        <v>549</v>
      </c>
      <c r="C37" s="12">
        <v>142711554.5</v>
      </c>
      <c r="D37" s="12">
        <v>135074235.06999999</v>
      </c>
      <c r="E37" s="12">
        <v>137118280.43000001</v>
      </c>
      <c r="F37" s="12">
        <v>142696793.03</v>
      </c>
      <c r="G37" s="12">
        <v>138970943.25999999</v>
      </c>
      <c r="H37" s="12">
        <v>137358201.05000001</v>
      </c>
      <c r="I37" s="12">
        <v>161077438.80000001</v>
      </c>
      <c r="J37" s="12">
        <v>176200764.61000001</v>
      </c>
      <c r="K37" s="12">
        <v>186341761.5</v>
      </c>
      <c r="L37" s="12">
        <v>164537337.74000001</v>
      </c>
      <c r="M37" s="12">
        <v>164429338.25</v>
      </c>
      <c r="N37" s="12">
        <v>141509993.43000001</v>
      </c>
      <c r="O37" s="12">
        <v>1828026641.6700001</v>
      </c>
      <c r="P37" s="12">
        <v>1848787700</v>
      </c>
    </row>
    <row r="38" spans="1:16" x14ac:dyDescent="0.25">
      <c r="A38" s="3" t="s">
        <v>69</v>
      </c>
      <c r="B38" s="5" t="s">
        <v>550</v>
      </c>
      <c r="C38" s="11">
        <v>883359086.49000001</v>
      </c>
      <c r="D38" s="11">
        <v>1028928189.21</v>
      </c>
      <c r="E38" s="11">
        <v>923238062.22000003</v>
      </c>
      <c r="F38" s="11">
        <v>878264168.67999995</v>
      </c>
      <c r="G38" s="11">
        <v>871018245.99000001</v>
      </c>
      <c r="H38" s="11">
        <v>1462335188.97</v>
      </c>
      <c r="I38" s="11">
        <v>1014886530.37</v>
      </c>
      <c r="J38" s="11">
        <v>1356388621.6300001</v>
      </c>
      <c r="K38" s="11">
        <v>1205645359.74</v>
      </c>
      <c r="L38" s="11">
        <v>1012126785.88</v>
      </c>
      <c r="M38" s="11">
        <v>1185494838.3099999</v>
      </c>
      <c r="N38" s="11">
        <v>920496959.20000005</v>
      </c>
      <c r="O38" s="11">
        <v>12742182036.690001</v>
      </c>
      <c r="P38" s="11">
        <v>12007909852.76</v>
      </c>
    </row>
    <row r="39" spans="1:16" x14ac:dyDescent="0.25">
      <c r="A39" s="2" t="s">
        <v>71</v>
      </c>
      <c r="B39" s="4" t="s">
        <v>551</v>
      </c>
      <c r="C39" s="12">
        <v>0</v>
      </c>
      <c r="D39" s="12">
        <v>0</v>
      </c>
      <c r="E39" s="12">
        <v>0</v>
      </c>
      <c r="F39" s="12">
        <v>0</v>
      </c>
      <c r="G39" s="12">
        <v>4200000</v>
      </c>
      <c r="H39" s="12">
        <v>738457.5</v>
      </c>
      <c r="I39" s="12">
        <v>20000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  <c r="O39" s="12">
        <v>5138457.5</v>
      </c>
      <c r="P39" s="12">
        <v>0</v>
      </c>
    </row>
    <row r="40" spans="1:16" x14ac:dyDescent="0.25">
      <c r="A40" s="3" t="s">
        <v>73</v>
      </c>
      <c r="B40" s="5" t="s">
        <v>552</v>
      </c>
      <c r="C40" s="11">
        <v>883359086.49000001</v>
      </c>
      <c r="D40" s="11">
        <v>1028928189.21</v>
      </c>
      <c r="E40" s="11">
        <v>923238062.22000003</v>
      </c>
      <c r="F40" s="11">
        <v>878264168.67999995</v>
      </c>
      <c r="G40" s="11">
        <v>866818245.99000001</v>
      </c>
      <c r="H40" s="11">
        <v>1461596731.47</v>
      </c>
      <c r="I40" s="11">
        <v>1014686530.37</v>
      </c>
      <c r="J40" s="11">
        <v>1356388621.6300001</v>
      </c>
      <c r="K40" s="11">
        <v>1205645359.74</v>
      </c>
      <c r="L40" s="11">
        <v>1012126785.88</v>
      </c>
      <c r="M40" s="11">
        <v>1185494838.3099999</v>
      </c>
      <c r="N40" s="11">
        <v>920496959.20000005</v>
      </c>
      <c r="O40" s="11">
        <v>12737043579.190001</v>
      </c>
      <c r="P40" s="11">
        <v>12007909852.76</v>
      </c>
    </row>
    <row r="41" spans="1:16" x14ac:dyDescent="0.25">
      <c r="A41" s="2" t="s">
        <v>75</v>
      </c>
      <c r="B41" s="4" t="s">
        <v>553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  <c r="L41" s="12">
        <v>0</v>
      </c>
      <c r="M41" s="12">
        <v>0</v>
      </c>
      <c r="N41" s="12">
        <v>0</v>
      </c>
      <c r="O41" s="12">
        <v>0</v>
      </c>
      <c r="P41" s="12">
        <v>0</v>
      </c>
    </row>
    <row r="42" spans="1:16" x14ac:dyDescent="0.25">
      <c r="A42" s="3" t="s">
        <v>77</v>
      </c>
      <c r="B42" s="5" t="s">
        <v>554</v>
      </c>
      <c r="C42" s="11">
        <v>883359086.49000001</v>
      </c>
      <c r="D42" s="11">
        <v>1028928189.21</v>
      </c>
      <c r="E42" s="11">
        <v>923238062.22000003</v>
      </c>
      <c r="F42" s="11">
        <v>878264168.67999995</v>
      </c>
      <c r="G42" s="11">
        <v>866818245.99000001</v>
      </c>
      <c r="H42" s="11">
        <v>1461596731.47</v>
      </c>
      <c r="I42" s="11">
        <v>1014686530.37</v>
      </c>
      <c r="J42" s="11">
        <v>1356388621.6300001</v>
      </c>
      <c r="K42" s="11">
        <v>1205645359.74</v>
      </c>
      <c r="L42" s="11">
        <v>1012126785.88</v>
      </c>
      <c r="M42" s="11">
        <v>1185494838.3099999</v>
      </c>
      <c r="N42" s="11">
        <v>920496959.20000005</v>
      </c>
      <c r="O42" s="11">
        <v>12737043579.190001</v>
      </c>
      <c r="P42" s="11">
        <v>12007909852.76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8"/>
  <sheetViews>
    <sheetView showGridLines="0" workbookViewId="0"/>
  </sheetViews>
  <sheetFormatPr defaultRowHeight="15" x14ac:dyDescent="0.25"/>
  <cols>
    <col min="1" max="1" width="3.7109375" bestFit="1" customWidth="1"/>
    <col min="2" max="2" width="51.7109375" bestFit="1" customWidth="1"/>
    <col min="3" max="4" width="19.140625" bestFit="1" customWidth="1"/>
    <col min="5" max="5" width="19" bestFit="1" customWidth="1"/>
    <col min="6" max="6" width="19.140625" bestFit="1" customWidth="1"/>
    <col min="7" max="8" width="19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555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556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557</v>
      </c>
      <c r="C10" s="10" t="s">
        <v>9</v>
      </c>
      <c r="D10" s="10" t="s">
        <v>558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559</v>
      </c>
      <c r="F11" s="1" t="s">
        <v>560</v>
      </c>
    </row>
    <row r="12" spans="1:8" x14ac:dyDescent="0.25">
      <c r="A12" s="3" t="s">
        <v>17</v>
      </c>
      <c r="B12" s="5" t="s">
        <v>561</v>
      </c>
      <c r="C12" s="11">
        <v>2055192400</v>
      </c>
      <c r="D12" s="11">
        <v>2055192400</v>
      </c>
      <c r="E12" s="11">
        <v>804729218.88</v>
      </c>
      <c r="F12" s="11">
        <v>1000453097.67</v>
      </c>
    </row>
    <row r="13" spans="1:8" x14ac:dyDescent="0.25">
      <c r="A13" s="3" t="s">
        <v>19</v>
      </c>
      <c r="B13" s="5" t="s">
        <v>562</v>
      </c>
      <c r="C13" s="11">
        <v>740037300</v>
      </c>
      <c r="D13" s="11">
        <v>740037300</v>
      </c>
      <c r="E13" s="11">
        <v>174581786.31</v>
      </c>
      <c r="F13" s="11">
        <v>217659711.62</v>
      </c>
    </row>
    <row r="14" spans="1:8" x14ac:dyDescent="0.25">
      <c r="A14" s="3" t="s">
        <v>21</v>
      </c>
      <c r="B14" s="5" t="s">
        <v>563</v>
      </c>
      <c r="C14" s="11">
        <v>629983700</v>
      </c>
      <c r="D14" s="11">
        <v>629983700</v>
      </c>
      <c r="E14" s="11">
        <v>167988420.55000001</v>
      </c>
      <c r="F14" s="11">
        <v>192733906.13999999</v>
      </c>
    </row>
    <row r="15" spans="1:8" x14ac:dyDescent="0.25">
      <c r="A15" s="2" t="s">
        <v>23</v>
      </c>
      <c r="B15" s="4" t="s">
        <v>564</v>
      </c>
      <c r="C15" s="12">
        <v>479797000</v>
      </c>
      <c r="D15" s="12">
        <v>479797000</v>
      </c>
      <c r="E15" s="12">
        <v>103778004.38</v>
      </c>
      <c r="F15" s="12">
        <v>117117789</v>
      </c>
    </row>
    <row r="16" spans="1:8" x14ac:dyDescent="0.25">
      <c r="A16" s="2" t="s">
        <v>25</v>
      </c>
      <c r="B16" s="4" t="s">
        <v>565</v>
      </c>
      <c r="C16" s="12">
        <v>126665100</v>
      </c>
      <c r="D16" s="12">
        <v>126665100</v>
      </c>
      <c r="E16" s="12">
        <v>55568349.399999999</v>
      </c>
      <c r="F16" s="12">
        <v>65432200.969999999</v>
      </c>
    </row>
    <row r="17" spans="1:6" x14ac:dyDescent="0.25">
      <c r="A17" s="2" t="s">
        <v>27</v>
      </c>
      <c r="B17" s="4" t="s">
        <v>566</v>
      </c>
      <c r="C17" s="12">
        <v>23521600</v>
      </c>
      <c r="D17" s="12">
        <v>23521600</v>
      </c>
      <c r="E17" s="12">
        <v>8642066.7699999996</v>
      </c>
      <c r="F17" s="12">
        <v>10183916.17</v>
      </c>
    </row>
    <row r="18" spans="1:6" x14ac:dyDescent="0.25">
      <c r="A18" s="3" t="s">
        <v>29</v>
      </c>
      <c r="B18" s="5" t="s">
        <v>567</v>
      </c>
      <c r="C18" s="11">
        <v>110053600</v>
      </c>
      <c r="D18" s="11">
        <v>110053600</v>
      </c>
      <c r="E18" s="11">
        <v>6593365.7599999998</v>
      </c>
      <c r="F18" s="11">
        <v>24925805.48</v>
      </c>
    </row>
    <row r="19" spans="1:6" x14ac:dyDescent="0.25">
      <c r="A19" s="2" t="s">
        <v>31</v>
      </c>
      <c r="B19" s="4" t="s">
        <v>564</v>
      </c>
      <c r="C19" s="12">
        <v>84585400</v>
      </c>
      <c r="D19" s="12">
        <v>84585400</v>
      </c>
      <c r="E19" s="12">
        <v>6593365.7599999998</v>
      </c>
      <c r="F19" s="12">
        <v>14818624.92</v>
      </c>
    </row>
    <row r="20" spans="1:6" x14ac:dyDescent="0.25">
      <c r="A20" s="2" t="s">
        <v>33</v>
      </c>
      <c r="B20" s="4" t="s">
        <v>565</v>
      </c>
      <c r="C20" s="12">
        <v>24072000</v>
      </c>
      <c r="D20" s="12">
        <v>24072000</v>
      </c>
      <c r="E20" s="12">
        <v>0</v>
      </c>
      <c r="F20" s="12">
        <v>9534629.4499999993</v>
      </c>
    </row>
    <row r="21" spans="1:6" x14ac:dyDescent="0.25">
      <c r="A21" s="2" t="s">
        <v>35</v>
      </c>
      <c r="B21" s="4" t="s">
        <v>566</v>
      </c>
      <c r="C21" s="12">
        <v>1396200</v>
      </c>
      <c r="D21" s="12">
        <v>1396200</v>
      </c>
      <c r="E21" s="12">
        <v>0</v>
      </c>
      <c r="F21" s="12">
        <v>572551.11</v>
      </c>
    </row>
    <row r="22" spans="1:6" x14ac:dyDescent="0.25">
      <c r="A22" s="3" t="s">
        <v>37</v>
      </c>
      <c r="B22" s="5" t="s">
        <v>568</v>
      </c>
      <c r="C22" s="11">
        <v>877922300</v>
      </c>
      <c r="D22" s="11">
        <v>877922300</v>
      </c>
      <c r="E22" s="11">
        <v>426891869.33999997</v>
      </c>
      <c r="F22" s="11">
        <v>545094881.38</v>
      </c>
    </row>
    <row r="23" spans="1:6" x14ac:dyDescent="0.25">
      <c r="A23" s="3" t="s">
        <v>39</v>
      </c>
      <c r="B23" s="5" t="s">
        <v>563</v>
      </c>
      <c r="C23" s="11">
        <v>717755800</v>
      </c>
      <c r="D23" s="11">
        <v>717755800</v>
      </c>
      <c r="E23" s="11">
        <v>399491346.42000002</v>
      </c>
      <c r="F23" s="11">
        <v>463040593.91000003</v>
      </c>
    </row>
    <row r="24" spans="1:6" x14ac:dyDescent="0.25">
      <c r="A24" s="2" t="s">
        <v>41</v>
      </c>
      <c r="B24" s="4" t="s">
        <v>564</v>
      </c>
      <c r="C24" s="12">
        <v>361681500</v>
      </c>
      <c r="D24" s="12">
        <v>361681500</v>
      </c>
      <c r="E24" s="12">
        <v>222759439.47</v>
      </c>
      <c r="F24" s="12">
        <v>273458090.61000001</v>
      </c>
    </row>
    <row r="25" spans="1:6" x14ac:dyDescent="0.25">
      <c r="A25" s="2" t="s">
        <v>43</v>
      </c>
      <c r="B25" s="4" t="s">
        <v>565</v>
      </c>
      <c r="C25" s="12">
        <v>308837100</v>
      </c>
      <c r="D25" s="12">
        <v>308837100</v>
      </c>
      <c r="E25" s="12">
        <v>149884968.52000001</v>
      </c>
      <c r="F25" s="12">
        <v>162547875.31999999</v>
      </c>
    </row>
    <row r="26" spans="1:6" x14ac:dyDescent="0.25">
      <c r="A26" s="2" t="s">
        <v>45</v>
      </c>
      <c r="B26" s="4" t="s">
        <v>566</v>
      </c>
      <c r="C26" s="12">
        <v>47237200</v>
      </c>
      <c r="D26" s="12">
        <v>47237200</v>
      </c>
      <c r="E26" s="12">
        <v>26846938.43</v>
      </c>
      <c r="F26" s="12">
        <v>27034627.98</v>
      </c>
    </row>
    <row r="27" spans="1:6" x14ac:dyDescent="0.25">
      <c r="A27" s="3" t="s">
        <v>47</v>
      </c>
      <c r="B27" s="5" t="s">
        <v>567</v>
      </c>
      <c r="C27" s="11">
        <v>160166500</v>
      </c>
      <c r="D27" s="11">
        <v>160166500</v>
      </c>
      <c r="E27" s="11">
        <v>27400522.920000002</v>
      </c>
      <c r="F27" s="11">
        <v>82054287.469999999</v>
      </c>
    </row>
    <row r="28" spans="1:6" x14ac:dyDescent="0.25">
      <c r="A28" s="2" t="s">
        <v>49</v>
      </c>
      <c r="B28" s="4" t="s">
        <v>564</v>
      </c>
      <c r="C28" s="12">
        <v>84960500</v>
      </c>
      <c r="D28" s="12">
        <v>84960500</v>
      </c>
      <c r="E28" s="12">
        <v>9665217.3300000001</v>
      </c>
      <c r="F28" s="12">
        <v>37951131.100000001</v>
      </c>
    </row>
    <row r="29" spans="1:6" x14ac:dyDescent="0.25">
      <c r="A29" s="2" t="s">
        <v>51</v>
      </c>
      <c r="B29" s="4" t="s">
        <v>565</v>
      </c>
      <c r="C29" s="12">
        <v>66083900</v>
      </c>
      <c r="D29" s="12">
        <v>66083900</v>
      </c>
      <c r="E29" s="12">
        <v>15569845.800000001</v>
      </c>
      <c r="F29" s="12">
        <v>39745756.109999999</v>
      </c>
    </row>
    <row r="30" spans="1:6" x14ac:dyDescent="0.25">
      <c r="A30" s="2" t="s">
        <v>53</v>
      </c>
      <c r="B30" s="4" t="s">
        <v>566</v>
      </c>
      <c r="C30" s="12">
        <v>9122100</v>
      </c>
      <c r="D30" s="12">
        <v>9122100</v>
      </c>
      <c r="E30" s="12">
        <v>2165459.79</v>
      </c>
      <c r="F30" s="12">
        <v>4357400.26</v>
      </c>
    </row>
    <row r="31" spans="1:6" x14ac:dyDescent="0.25">
      <c r="A31" s="3" t="s">
        <v>55</v>
      </c>
      <c r="B31" s="5" t="s">
        <v>569</v>
      </c>
      <c r="C31" s="11">
        <v>9396900</v>
      </c>
      <c r="D31" s="11">
        <v>9396900</v>
      </c>
      <c r="E31" s="11">
        <v>271165.92</v>
      </c>
      <c r="F31" s="11">
        <v>90178.14</v>
      </c>
    </row>
    <row r="32" spans="1:6" x14ac:dyDescent="0.25">
      <c r="A32" s="2" t="s">
        <v>57</v>
      </c>
      <c r="B32" s="4" t="s">
        <v>570</v>
      </c>
      <c r="C32" s="12">
        <v>0</v>
      </c>
      <c r="D32" s="12">
        <v>0</v>
      </c>
      <c r="E32" s="12">
        <v>0</v>
      </c>
      <c r="F32" s="12">
        <v>0</v>
      </c>
    </row>
    <row r="33" spans="1:8" x14ac:dyDescent="0.25">
      <c r="A33" s="2" t="s">
        <v>59</v>
      </c>
      <c r="B33" s="4" t="s">
        <v>571</v>
      </c>
      <c r="C33" s="12">
        <v>9396900</v>
      </c>
      <c r="D33" s="12">
        <v>9396900</v>
      </c>
      <c r="E33" s="12">
        <v>271165.92</v>
      </c>
      <c r="F33" s="12">
        <v>90178.14</v>
      </c>
    </row>
    <row r="34" spans="1:8" x14ac:dyDescent="0.25">
      <c r="A34" s="2" t="s">
        <v>61</v>
      </c>
      <c r="B34" s="4" t="s">
        <v>572</v>
      </c>
      <c r="C34" s="12">
        <v>0</v>
      </c>
      <c r="D34" s="12">
        <v>0</v>
      </c>
      <c r="E34" s="12">
        <v>0</v>
      </c>
      <c r="F34" s="12">
        <v>0</v>
      </c>
    </row>
    <row r="35" spans="1:8" x14ac:dyDescent="0.25">
      <c r="A35" s="2" t="s">
        <v>63</v>
      </c>
      <c r="B35" s="4" t="s">
        <v>573</v>
      </c>
      <c r="C35" s="12">
        <v>0</v>
      </c>
      <c r="D35" s="12">
        <v>0</v>
      </c>
      <c r="E35" s="12">
        <v>0</v>
      </c>
      <c r="F35" s="12">
        <v>0</v>
      </c>
    </row>
    <row r="36" spans="1:8" x14ac:dyDescent="0.25">
      <c r="A36" s="3" t="s">
        <v>65</v>
      </c>
      <c r="B36" s="5" t="s">
        <v>574</v>
      </c>
      <c r="C36" s="11">
        <v>427835900</v>
      </c>
      <c r="D36" s="11">
        <v>427835900</v>
      </c>
      <c r="E36" s="11">
        <v>202984397.31</v>
      </c>
      <c r="F36" s="11">
        <v>237608326.53</v>
      </c>
    </row>
    <row r="37" spans="1:8" x14ac:dyDescent="0.25">
      <c r="A37" s="2" t="s">
        <v>67</v>
      </c>
      <c r="B37" s="4" t="s">
        <v>575</v>
      </c>
      <c r="C37" s="12">
        <v>0</v>
      </c>
      <c r="D37" s="12">
        <v>0</v>
      </c>
      <c r="E37" s="12">
        <v>0</v>
      </c>
      <c r="F37" s="12">
        <v>61436.52</v>
      </c>
    </row>
    <row r="38" spans="1:8" x14ac:dyDescent="0.25">
      <c r="A38" s="2" t="s">
        <v>69</v>
      </c>
      <c r="B38" s="4" t="s">
        <v>576</v>
      </c>
      <c r="C38" s="12">
        <v>427835900</v>
      </c>
      <c r="D38" s="12">
        <v>427835900</v>
      </c>
      <c r="E38" s="12">
        <v>202811712.06999999</v>
      </c>
      <c r="F38" s="12">
        <v>237434374.33000001</v>
      </c>
    </row>
    <row r="39" spans="1:8" x14ac:dyDescent="0.25">
      <c r="A39" s="2" t="s">
        <v>71</v>
      </c>
      <c r="B39" s="4" t="s">
        <v>577</v>
      </c>
      <c r="C39" s="12">
        <v>0</v>
      </c>
      <c r="D39" s="12">
        <v>0</v>
      </c>
      <c r="E39" s="12">
        <v>172685.24</v>
      </c>
      <c r="F39" s="12">
        <v>112515.68</v>
      </c>
    </row>
    <row r="40" spans="1:8" x14ac:dyDescent="0.25">
      <c r="A40" s="3" t="s">
        <v>73</v>
      </c>
      <c r="B40" s="5" t="s">
        <v>578</v>
      </c>
      <c r="C40" s="11">
        <v>0</v>
      </c>
      <c r="D40" s="11">
        <v>0</v>
      </c>
      <c r="E40" s="11">
        <v>0</v>
      </c>
      <c r="F40" s="11">
        <v>0</v>
      </c>
    </row>
    <row r="41" spans="1:8" x14ac:dyDescent="0.25">
      <c r="A41" s="2" t="s">
        <v>75</v>
      </c>
      <c r="B41" s="4" t="s">
        <v>579</v>
      </c>
      <c r="C41" s="12">
        <v>0</v>
      </c>
      <c r="D41" s="12">
        <v>0</v>
      </c>
      <c r="E41" s="12">
        <v>0</v>
      </c>
      <c r="F41" s="12">
        <v>0</v>
      </c>
    </row>
    <row r="42" spans="1:8" x14ac:dyDescent="0.25">
      <c r="A42" s="2" t="s">
        <v>77</v>
      </c>
      <c r="B42" s="4" t="s">
        <v>580</v>
      </c>
      <c r="C42" s="12">
        <v>0</v>
      </c>
      <c r="D42" s="12">
        <v>0</v>
      </c>
      <c r="E42" s="12">
        <v>0</v>
      </c>
      <c r="F42" s="12">
        <v>0</v>
      </c>
    </row>
    <row r="43" spans="1:8" x14ac:dyDescent="0.25">
      <c r="A43" s="2" t="s">
        <v>79</v>
      </c>
      <c r="B43" s="4" t="s">
        <v>581</v>
      </c>
      <c r="C43" s="12">
        <v>0</v>
      </c>
      <c r="D43" s="12">
        <v>0</v>
      </c>
      <c r="E43" s="12">
        <v>0</v>
      </c>
      <c r="F43" s="12">
        <v>0</v>
      </c>
    </row>
    <row r="44" spans="1:8" x14ac:dyDescent="0.25">
      <c r="A44" s="2" t="s">
        <v>81</v>
      </c>
      <c r="B44" s="4" t="s">
        <v>582</v>
      </c>
      <c r="C44" s="12">
        <v>1627356500</v>
      </c>
      <c r="D44" s="12">
        <v>1627356500</v>
      </c>
      <c r="E44" s="12">
        <v>601917506.80999994</v>
      </c>
      <c r="F44" s="12">
        <v>763018723.34000003</v>
      </c>
    </row>
    <row r="46" spans="1:8" x14ac:dyDescent="0.25">
      <c r="A46" s="10" t="s">
        <v>6</v>
      </c>
      <c r="B46" s="10" t="s">
        <v>583</v>
      </c>
      <c r="C46" s="10" t="s">
        <v>369</v>
      </c>
      <c r="D46" s="10" t="s">
        <v>584</v>
      </c>
      <c r="E46" s="10" t="s">
        <v>168</v>
      </c>
      <c r="F46" s="10" t="s">
        <v>7</v>
      </c>
      <c r="G46" s="10" t="s">
        <v>172</v>
      </c>
      <c r="H46" s="10" t="s">
        <v>172</v>
      </c>
    </row>
    <row r="47" spans="1:8" ht="21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" t="s">
        <v>559</v>
      </c>
      <c r="F47" s="1" t="s">
        <v>560</v>
      </c>
      <c r="G47" s="1" t="s">
        <v>559</v>
      </c>
      <c r="H47" s="1" t="s">
        <v>560</v>
      </c>
    </row>
    <row r="48" spans="1:8" x14ac:dyDescent="0.25">
      <c r="A48" s="3" t="s">
        <v>83</v>
      </c>
      <c r="B48" s="5" t="s">
        <v>585</v>
      </c>
      <c r="C48" s="11">
        <v>1718721400</v>
      </c>
      <c r="D48" s="11">
        <v>1967610233.1700001</v>
      </c>
      <c r="E48" s="11">
        <v>1204532332.4300001</v>
      </c>
      <c r="F48" s="11">
        <v>1098834063.2</v>
      </c>
      <c r="G48" s="11">
        <v>1166303522.6199999</v>
      </c>
      <c r="H48" s="11">
        <v>1031166357.66</v>
      </c>
    </row>
    <row r="49" spans="1:8" x14ac:dyDescent="0.25">
      <c r="A49" s="2" t="s">
        <v>85</v>
      </c>
      <c r="B49" s="4" t="s">
        <v>586</v>
      </c>
      <c r="C49" s="12">
        <v>1500251300</v>
      </c>
      <c r="D49" s="12">
        <v>1716469202.8</v>
      </c>
      <c r="E49" s="12">
        <v>1045221952.74</v>
      </c>
      <c r="F49" s="12">
        <v>952374818.29999995</v>
      </c>
      <c r="G49" s="12">
        <v>1013070668.71</v>
      </c>
      <c r="H49" s="12">
        <v>891040776.87</v>
      </c>
    </row>
    <row r="50" spans="1:8" x14ac:dyDescent="0.25">
      <c r="A50" s="2" t="s">
        <v>87</v>
      </c>
      <c r="B50" s="4" t="s">
        <v>587</v>
      </c>
      <c r="C50" s="12">
        <v>179524400</v>
      </c>
      <c r="D50" s="12">
        <v>210859142.91999999</v>
      </c>
      <c r="E50" s="12">
        <v>153753918.47</v>
      </c>
      <c r="F50" s="12">
        <v>137915362.49000001</v>
      </c>
      <c r="G50" s="12">
        <v>149307639.58000001</v>
      </c>
      <c r="H50" s="12">
        <v>132592836.01000001</v>
      </c>
    </row>
    <row r="51" spans="1:8" x14ac:dyDescent="0.25">
      <c r="A51" s="2" t="s">
        <v>89</v>
      </c>
      <c r="B51" s="4" t="s">
        <v>588</v>
      </c>
      <c r="C51" s="12">
        <v>38945700</v>
      </c>
      <c r="D51" s="12">
        <v>40281887.450000003</v>
      </c>
      <c r="E51" s="12">
        <v>5556461.2199999997</v>
      </c>
      <c r="F51" s="12">
        <v>8543882.4100000001</v>
      </c>
      <c r="G51" s="12">
        <v>3925214.33</v>
      </c>
      <c r="H51" s="12">
        <v>7532744.7800000003</v>
      </c>
    </row>
    <row r="52" spans="1:8" x14ac:dyDescent="0.25">
      <c r="A52" s="3" t="s">
        <v>91</v>
      </c>
      <c r="B52" s="5" t="s">
        <v>589</v>
      </c>
      <c r="C52" s="11">
        <v>305401400</v>
      </c>
      <c r="D52" s="11">
        <v>249643646.56</v>
      </c>
      <c r="E52" s="11">
        <v>240464872.06</v>
      </c>
      <c r="F52" s="11">
        <v>204298178.74000001</v>
      </c>
      <c r="G52" s="11">
        <v>231246849.03999999</v>
      </c>
      <c r="H52" s="11">
        <v>192135131.47</v>
      </c>
    </row>
    <row r="53" spans="1:8" x14ac:dyDescent="0.25">
      <c r="A53" s="2" t="s">
        <v>93</v>
      </c>
      <c r="B53" s="4" t="s">
        <v>590</v>
      </c>
      <c r="C53" s="12">
        <v>262000000</v>
      </c>
      <c r="D53" s="12">
        <v>214252367.19</v>
      </c>
      <c r="E53" s="12">
        <v>211694937.06</v>
      </c>
      <c r="F53" s="12">
        <v>179310894</v>
      </c>
      <c r="G53" s="12">
        <v>203246608.75</v>
      </c>
      <c r="H53" s="12">
        <v>168068511.38999999</v>
      </c>
    </row>
    <row r="54" spans="1:8" x14ac:dyDescent="0.25">
      <c r="A54" s="2" t="s">
        <v>95</v>
      </c>
      <c r="B54" s="4" t="s">
        <v>587</v>
      </c>
      <c r="C54" s="12">
        <v>40238200</v>
      </c>
      <c r="D54" s="12">
        <v>32569266.82</v>
      </c>
      <c r="E54" s="12">
        <v>28289749.59</v>
      </c>
      <c r="F54" s="12">
        <v>24450809.260000002</v>
      </c>
      <c r="G54" s="12">
        <v>27723615.629999999</v>
      </c>
      <c r="H54" s="12">
        <v>23569973.440000001</v>
      </c>
    </row>
    <row r="55" spans="1:8" x14ac:dyDescent="0.25">
      <c r="A55" s="2" t="s">
        <v>97</v>
      </c>
      <c r="B55" s="4" t="s">
        <v>588</v>
      </c>
      <c r="C55" s="12">
        <v>3163200</v>
      </c>
      <c r="D55" s="12">
        <v>2822012.55</v>
      </c>
      <c r="E55" s="12">
        <v>480185.41</v>
      </c>
      <c r="F55" s="12">
        <v>536475.48</v>
      </c>
      <c r="G55" s="12">
        <v>276624.65999999997</v>
      </c>
      <c r="H55" s="12">
        <v>496646.64</v>
      </c>
    </row>
    <row r="56" spans="1:8" x14ac:dyDescent="0.25">
      <c r="A56" s="3" t="s">
        <v>99</v>
      </c>
      <c r="B56" s="5" t="s">
        <v>591</v>
      </c>
      <c r="C56" s="11">
        <v>36000</v>
      </c>
      <c r="D56" s="11">
        <v>4036000</v>
      </c>
      <c r="E56" s="11">
        <v>657746.38</v>
      </c>
      <c r="F56" s="11">
        <v>698112.71</v>
      </c>
      <c r="G56" s="11">
        <v>657746.38</v>
      </c>
      <c r="H56" s="11">
        <v>53334.23</v>
      </c>
    </row>
    <row r="57" spans="1:8" x14ac:dyDescent="0.25">
      <c r="A57" s="2" t="s">
        <v>101</v>
      </c>
      <c r="B57" s="4" t="s">
        <v>592</v>
      </c>
      <c r="C57" s="12">
        <v>36000</v>
      </c>
      <c r="D57" s="12">
        <v>4036000</v>
      </c>
      <c r="E57" s="12">
        <v>657746.38</v>
      </c>
      <c r="F57" s="12">
        <v>632127.71</v>
      </c>
      <c r="G57" s="12">
        <v>657746.38</v>
      </c>
      <c r="H57" s="12">
        <v>0</v>
      </c>
    </row>
    <row r="58" spans="1:8" x14ac:dyDescent="0.25">
      <c r="A58" s="2" t="s">
        <v>103</v>
      </c>
      <c r="B58" s="4" t="s">
        <v>593</v>
      </c>
      <c r="C58" s="12">
        <v>0</v>
      </c>
      <c r="D58" s="12">
        <v>0</v>
      </c>
      <c r="E58" s="12">
        <v>0</v>
      </c>
      <c r="F58" s="12">
        <v>65985</v>
      </c>
      <c r="G58" s="12">
        <v>0</v>
      </c>
      <c r="H58" s="12">
        <v>53334.23</v>
      </c>
    </row>
    <row r="59" spans="1:8" x14ac:dyDescent="0.25">
      <c r="A59" s="3" t="s">
        <v>105</v>
      </c>
      <c r="B59" s="5" t="s">
        <v>594</v>
      </c>
      <c r="C59" s="11">
        <v>2024158800</v>
      </c>
      <c r="D59" s="11">
        <v>2221289879.73</v>
      </c>
      <c r="E59" s="11">
        <v>1445654950.8699999</v>
      </c>
      <c r="F59" s="11">
        <v>1303830354.6500001</v>
      </c>
      <c r="G59" s="11">
        <v>1398208118.04</v>
      </c>
      <c r="H59" s="11">
        <v>1223354823.3599999</v>
      </c>
    </row>
    <row r="61" spans="1:8" x14ac:dyDescent="0.25">
      <c r="A61" s="10" t="s">
        <v>6</v>
      </c>
      <c r="B61" s="10" t="s">
        <v>595</v>
      </c>
      <c r="C61" s="10" t="s">
        <v>369</v>
      </c>
      <c r="D61" s="10" t="s">
        <v>584</v>
      </c>
      <c r="E61" s="10" t="s">
        <v>168</v>
      </c>
      <c r="F61" s="10" t="s">
        <v>7</v>
      </c>
      <c r="G61" s="10" t="s">
        <v>172</v>
      </c>
      <c r="H61" s="10" t="s">
        <v>172</v>
      </c>
    </row>
    <row r="62" spans="1:8" ht="21" x14ac:dyDescent="0.25">
      <c r="A62" s="10" t="s">
        <v>7</v>
      </c>
      <c r="B62" s="10" t="s">
        <v>7</v>
      </c>
      <c r="C62" s="10" t="s">
        <v>7</v>
      </c>
      <c r="D62" s="10" t="s">
        <v>7</v>
      </c>
      <c r="E62" s="1" t="s">
        <v>559</v>
      </c>
      <c r="F62" s="1" t="s">
        <v>560</v>
      </c>
      <c r="G62" s="1" t="s">
        <v>559</v>
      </c>
      <c r="H62" s="1" t="s">
        <v>560</v>
      </c>
    </row>
    <row r="63" spans="1:8" x14ac:dyDescent="0.25">
      <c r="A63" s="2" t="s">
        <v>107</v>
      </c>
      <c r="B63" s="4" t="s">
        <v>596</v>
      </c>
      <c r="C63" s="12">
        <v>-396802300</v>
      </c>
      <c r="D63" s="12">
        <v>-593933379.73000002</v>
      </c>
      <c r="E63" s="12">
        <v>-843737444.05999994</v>
      </c>
      <c r="F63" s="12">
        <v>-540811631.30999994</v>
      </c>
      <c r="G63" s="12">
        <v>-796290611.23000002</v>
      </c>
      <c r="H63" s="12">
        <v>-460336100.01999998</v>
      </c>
    </row>
    <row r="65" spans="1:4" x14ac:dyDescent="0.25">
      <c r="A65" s="10" t="s">
        <v>6</v>
      </c>
      <c r="B65" s="10" t="s">
        <v>597</v>
      </c>
      <c r="C65" s="10" t="s">
        <v>598</v>
      </c>
    </row>
    <row r="66" spans="1:4" x14ac:dyDescent="0.25">
      <c r="A66" s="10" t="s">
        <v>7</v>
      </c>
      <c r="B66" s="10" t="s">
        <v>7</v>
      </c>
      <c r="C66" s="10" t="s">
        <v>7</v>
      </c>
    </row>
    <row r="67" spans="1:4" x14ac:dyDescent="0.25">
      <c r="A67" s="2" t="s">
        <v>109</v>
      </c>
      <c r="B67" s="4" t="s">
        <v>599</v>
      </c>
      <c r="C67" s="12">
        <v>0</v>
      </c>
    </row>
    <row r="69" spans="1:4" x14ac:dyDescent="0.25">
      <c r="A69" s="10" t="s">
        <v>6</v>
      </c>
      <c r="B69" s="10" t="s">
        <v>600</v>
      </c>
      <c r="C69" s="10" t="s">
        <v>598</v>
      </c>
    </row>
    <row r="70" spans="1:4" x14ac:dyDescent="0.25">
      <c r="A70" s="10" t="s">
        <v>7</v>
      </c>
      <c r="B70" s="10" t="s">
        <v>7</v>
      </c>
      <c r="C70" s="10" t="s">
        <v>7</v>
      </c>
    </row>
    <row r="71" spans="1:4" x14ac:dyDescent="0.25">
      <c r="A71" s="2" t="s">
        <v>111</v>
      </c>
      <c r="B71" s="4" t="s">
        <v>599</v>
      </c>
      <c r="C71" s="12">
        <v>0</v>
      </c>
    </row>
    <row r="73" spans="1:4" x14ac:dyDescent="0.25">
      <c r="A73" s="10" t="s">
        <v>6</v>
      </c>
      <c r="B73" s="10" t="s">
        <v>601</v>
      </c>
      <c r="C73" s="10" t="s">
        <v>602</v>
      </c>
    </row>
    <row r="74" spans="1:4" x14ac:dyDescent="0.25">
      <c r="A74" s="10" t="s">
        <v>7</v>
      </c>
      <c r="B74" s="10" t="s">
        <v>7</v>
      </c>
      <c r="C74" s="10" t="s">
        <v>7</v>
      </c>
    </row>
    <row r="75" spans="1:4" x14ac:dyDescent="0.25">
      <c r="A75" s="2" t="s">
        <v>113</v>
      </c>
      <c r="B75" s="4" t="s">
        <v>603</v>
      </c>
      <c r="C75" s="12">
        <v>0</v>
      </c>
    </row>
    <row r="76" spans="1:4" x14ac:dyDescent="0.25">
      <c r="A76" s="2" t="s">
        <v>115</v>
      </c>
      <c r="B76" s="4" t="s">
        <v>604</v>
      </c>
      <c r="C76" s="12">
        <v>0</v>
      </c>
    </row>
    <row r="77" spans="1:4" x14ac:dyDescent="0.25">
      <c r="A77" s="2" t="s">
        <v>117</v>
      </c>
      <c r="B77" s="4" t="s">
        <v>605</v>
      </c>
      <c r="C77" s="12">
        <v>0</v>
      </c>
    </row>
    <row r="78" spans="1:4" x14ac:dyDescent="0.25">
      <c r="A78" s="2" t="s">
        <v>119</v>
      </c>
      <c r="B78" s="4" t="s">
        <v>606</v>
      </c>
      <c r="C78" s="12">
        <v>168960122.43000001</v>
      </c>
    </row>
    <row r="80" spans="1:4" x14ac:dyDescent="0.25">
      <c r="A80" s="10" t="s">
        <v>6</v>
      </c>
      <c r="B80" s="10" t="s">
        <v>607</v>
      </c>
      <c r="C80" s="10" t="s">
        <v>608</v>
      </c>
      <c r="D80" s="10" t="s">
        <v>608</v>
      </c>
    </row>
    <row r="81" spans="1:6" x14ac:dyDescent="0.25">
      <c r="A81" s="10" t="s">
        <v>7</v>
      </c>
      <c r="B81" s="10" t="s">
        <v>7</v>
      </c>
      <c r="C81" s="1" t="s">
        <v>609</v>
      </c>
      <c r="D81" s="1" t="s">
        <v>610</v>
      </c>
    </row>
    <row r="82" spans="1:6" x14ac:dyDescent="0.25">
      <c r="A82" s="2" t="s">
        <v>120</v>
      </c>
      <c r="B82" s="4" t="s">
        <v>611</v>
      </c>
      <c r="C82" s="12">
        <v>9049.65</v>
      </c>
      <c r="D82" s="12">
        <v>6672.17</v>
      </c>
    </row>
    <row r="83" spans="1:6" x14ac:dyDescent="0.25">
      <c r="A83" s="2" t="s">
        <v>121</v>
      </c>
      <c r="B83" s="4" t="s">
        <v>612</v>
      </c>
      <c r="C83" s="12">
        <v>82182027.560000002</v>
      </c>
      <c r="D83" s="12">
        <v>85688256.840000004</v>
      </c>
    </row>
    <row r="84" spans="1:6" x14ac:dyDescent="0.25">
      <c r="A84" s="2" t="s">
        <v>122</v>
      </c>
      <c r="B84" s="4" t="s">
        <v>613</v>
      </c>
      <c r="C84" s="12">
        <v>0</v>
      </c>
      <c r="D84" s="12">
        <v>0</v>
      </c>
    </row>
    <row r="86" spans="1:6" x14ac:dyDescent="0.25">
      <c r="A86" s="10" t="s">
        <v>6</v>
      </c>
      <c r="B86" s="10" t="s">
        <v>614</v>
      </c>
      <c r="C86" s="10" t="s">
        <v>9</v>
      </c>
      <c r="D86" s="10" t="s">
        <v>558</v>
      </c>
      <c r="E86" s="10" t="s">
        <v>11</v>
      </c>
      <c r="F86" s="10" t="s">
        <v>11</v>
      </c>
    </row>
    <row r="87" spans="1:6" ht="21" x14ac:dyDescent="0.25">
      <c r="A87" s="10" t="s">
        <v>7</v>
      </c>
      <c r="B87" s="10" t="s">
        <v>7</v>
      </c>
      <c r="C87" s="10" t="s">
        <v>7</v>
      </c>
      <c r="D87" s="10" t="s">
        <v>7</v>
      </c>
      <c r="E87" s="1" t="s">
        <v>559</v>
      </c>
      <c r="F87" s="1" t="s">
        <v>560</v>
      </c>
    </row>
    <row r="88" spans="1:6" x14ac:dyDescent="0.25">
      <c r="A88" s="3" t="s">
        <v>123</v>
      </c>
      <c r="B88" s="5" t="s">
        <v>615</v>
      </c>
      <c r="C88" s="11">
        <v>0</v>
      </c>
      <c r="D88" s="11">
        <v>0</v>
      </c>
      <c r="E88" s="11">
        <v>0</v>
      </c>
      <c r="F88" s="11">
        <v>0</v>
      </c>
    </row>
    <row r="89" spans="1:6" x14ac:dyDescent="0.25">
      <c r="A89" s="3" t="s">
        <v>124</v>
      </c>
      <c r="B89" s="5" t="s">
        <v>616</v>
      </c>
      <c r="C89" s="11">
        <v>0</v>
      </c>
      <c r="D89" s="11">
        <v>0</v>
      </c>
      <c r="E89" s="11">
        <v>0</v>
      </c>
      <c r="F89" s="11">
        <v>0</v>
      </c>
    </row>
    <row r="90" spans="1:6" x14ac:dyDescent="0.25">
      <c r="A90" s="3" t="s">
        <v>125</v>
      </c>
      <c r="B90" s="5" t="s">
        <v>617</v>
      </c>
      <c r="C90" s="11">
        <v>0</v>
      </c>
      <c r="D90" s="11">
        <v>0</v>
      </c>
      <c r="E90" s="11">
        <v>0</v>
      </c>
      <c r="F90" s="11">
        <v>0</v>
      </c>
    </row>
    <row r="91" spans="1:6" x14ac:dyDescent="0.25">
      <c r="A91" s="2" t="s">
        <v>126</v>
      </c>
      <c r="B91" s="4" t="s">
        <v>618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7</v>
      </c>
      <c r="B92" s="4" t="s">
        <v>619</v>
      </c>
      <c r="C92" s="12">
        <v>0</v>
      </c>
      <c r="D92" s="12">
        <v>0</v>
      </c>
      <c r="E92" s="12">
        <v>0</v>
      </c>
      <c r="F92" s="12">
        <v>0</v>
      </c>
    </row>
    <row r="93" spans="1:6" x14ac:dyDescent="0.25">
      <c r="A93" s="2" t="s">
        <v>129</v>
      </c>
      <c r="B93" s="4" t="s">
        <v>620</v>
      </c>
      <c r="C93" s="12">
        <v>0</v>
      </c>
      <c r="D93" s="12">
        <v>0</v>
      </c>
      <c r="E93" s="12">
        <v>0</v>
      </c>
      <c r="F93" s="12">
        <v>0</v>
      </c>
    </row>
    <row r="94" spans="1:6" x14ac:dyDescent="0.25">
      <c r="A94" s="3" t="s">
        <v>131</v>
      </c>
      <c r="B94" s="5" t="s">
        <v>621</v>
      </c>
      <c r="C94" s="11">
        <v>0</v>
      </c>
      <c r="D94" s="11">
        <v>0</v>
      </c>
      <c r="E94" s="11">
        <v>0</v>
      </c>
      <c r="F94" s="11">
        <v>0</v>
      </c>
    </row>
    <row r="95" spans="1:6" x14ac:dyDescent="0.25">
      <c r="A95" s="2" t="s">
        <v>133</v>
      </c>
      <c r="B95" s="4" t="s">
        <v>618</v>
      </c>
      <c r="C95" s="12">
        <v>0</v>
      </c>
      <c r="D95" s="12">
        <v>0</v>
      </c>
      <c r="E95" s="12">
        <v>0</v>
      </c>
      <c r="F95" s="12">
        <v>0</v>
      </c>
    </row>
    <row r="96" spans="1:6" x14ac:dyDescent="0.25">
      <c r="A96" s="2" t="s">
        <v>135</v>
      </c>
      <c r="B96" s="4" t="s">
        <v>619</v>
      </c>
      <c r="C96" s="12">
        <v>0</v>
      </c>
      <c r="D96" s="12">
        <v>0</v>
      </c>
      <c r="E96" s="12">
        <v>0</v>
      </c>
      <c r="F96" s="12">
        <v>0</v>
      </c>
    </row>
    <row r="97" spans="1:6" x14ac:dyDescent="0.25">
      <c r="A97" s="2" t="s">
        <v>137</v>
      </c>
      <c r="B97" s="4" t="s">
        <v>620</v>
      </c>
      <c r="C97" s="12">
        <v>0</v>
      </c>
      <c r="D97" s="12">
        <v>0</v>
      </c>
      <c r="E97" s="12">
        <v>0</v>
      </c>
      <c r="F97" s="12">
        <v>0</v>
      </c>
    </row>
    <row r="98" spans="1:6" x14ac:dyDescent="0.25">
      <c r="A98" s="3" t="s">
        <v>139</v>
      </c>
      <c r="B98" s="5" t="s">
        <v>622</v>
      </c>
      <c r="C98" s="11">
        <v>0</v>
      </c>
      <c r="D98" s="11">
        <v>0</v>
      </c>
      <c r="E98" s="11">
        <v>0</v>
      </c>
      <c r="F98" s="11">
        <v>0</v>
      </c>
    </row>
    <row r="99" spans="1:6" x14ac:dyDescent="0.25">
      <c r="A99" s="3" t="s">
        <v>141</v>
      </c>
      <c r="B99" s="5" t="s">
        <v>617</v>
      </c>
      <c r="C99" s="11">
        <v>0</v>
      </c>
      <c r="D99" s="11">
        <v>0</v>
      </c>
      <c r="E99" s="11">
        <v>0</v>
      </c>
      <c r="F99" s="11">
        <v>0</v>
      </c>
    </row>
    <row r="100" spans="1:6" x14ac:dyDescent="0.25">
      <c r="A100" s="2" t="s">
        <v>143</v>
      </c>
      <c r="B100" s="4" t="s">
        <v>618</v>
      </c>
      <c r="C100" s="12">
        <v>0</v>
      </c>
      <c r="D100" s="12">
        <v>0</v>
      </c>
      <c r="E100" s="12">
        <v>0</v>
      </c>
      <c r="F100" s="12">
        <v>0</v>
      </c>
    </row>
    <row r="101" spans="1:6" x14ac:dyDescent="0.25">
      <c r="A101" s="2" t="s">
        <v>145</v>
      </c>
      <c r="B101" s="4" t="s">
        <v>619</v>
      </c>
      <c r="C101" s="12">
        <v>0</v>
      </c>
      <c r="D101" s="12">
        <v>0</v>
      </c>
      <c r="E101" s="12">
        <v>0</v>
      </c>
      <c r="F101" s="12">
        <v>0</v>
      </c>
    </row>
    <row r="102" spans="1:6" x14ac:dyDescent="0.25">
      <c r="A102" s="2" t="s">
        <v>147</v>
      </c>
      <c r="B102" s="4" t="s">
        <v>620</v>
      </c>
      <c r="C102" s="12">
        <v>0</v>
      </c>
      <c r="D102" s="12">
        <v>0</v>
      </c>
      <c r="E102" s="12">
        <v>0</v>
      </c>
      <c r="F102" s="12">
        <v>0</v>
      </c>
    </row>
    <row r="103" spans="1:6" x14ac:dyDescent="0.25">
      <c r="A103" s="3" t="s">
        <v>149</v>
      </c>
      <c r="B103" s="5" t="s">
        <v>621</v>
      </c>
      <c r="C103" s="11">
        <v>0</v>
      </c>
      <c r="D103" s="11">
        <v>0</v>
      </c>
      <c r="E103" s="11">
        <v>0</v>
      </c>
      <c r="F103" s="11">
        <v>0</v>
      </c>
    </row>
    <row r="104" spans="1:6" x14ac:dyDescent="0.25">
      <c r="A104" s="2" t="s">
        <v>151</v>
      </c>
      <c r="B104" s="4" t="s">
        <v>618</v>
      </c>
      <c r="C104" s="12">
        <v>0</v>
      </c>
      <c r="D104" s="12">
        <v>0</v>
      </c>
      <c r="E104" s="12">
        <v>0</v>
      </c>
      <c r="F104" s="12">
        <v>0</v>
      </c>
    </row>
    <row r="105" spans="1:6" x14ac:dyDescent="0.25">
      <c r="A105" s="2" t="s">
        <v>152</v>
      </c>
      <c r="B105" s="4" t="s">
        <v>619</v>
      </c>
      <c r="C105" s="12">
        <v>0</v>
      </c>
      <c r="D105" s="12">
        <v>0</v>
      </c>
      <c r="E105" s="12">
        <v>0</v>
      </c>
      <c r="F105" s="12">
        <v>0</v>
      </c>
    </row>
    <row r="106" spans="1:6" x14ac:dyDescent="0.25">
      <c r="A106" s="2" t="s">
        <v>153</v>
      </c>
      <c r="B106" s="4" t="s">
        <v>620</v>
      </c>
      <c r="C106" s="12">
        <v>0</v>
      </c>
      <c r="D106" s="12">
        <v>0</v>
      </c>
      <c r="E106" s="12">
        <v>0</v>
      </c>
      <c r="F106" s="12">
        <v>0</v>
      </c>
    </row>
    <row r="107" spans="1:6" x14ac:dyDescent="0.25">
      <c r="A107" s="3" t="s">
        <v>155</v>
      </c>
      <c r="B107" s="5" t="s">
        <v>623</v>
      </c>
      <c r="C107" s="11">
        <v>0</v>
      </c>
      <c r="D107" s="11">
        <v>0</v>
      </c>
      <c r="E107" s="11">
        <v>0</v>
      </c>
      <c r="F107" s="11">
        <v>0</v>
      </c>
    </row>
    <row r="108" spans="1:6" x14ac:dyDescent="0.25">
      <c r="A108" s="2" t="s">
        <v>157</v>
      </c>
      <c r="B108" s="4" t="s">
        <v>624</v>
      </c>
      <c r="C108" s="12">
        <v>0</v>
      </c>
      <c r="D108" s="12">
        <v>0</v>
      </c>
      <c r="E108" s="12">
        <v>0</v>
      </c>
      <c r="F108" s="12">
        <v>0</v>
      </c>
    </row>
    <row r="109" spans="1:6" x14ac:dyDescent="0.25">
      <c r="A109" s="2" t="s">
        <v>159</v>
      </c>
      <c r="B109" s="4" t="s">
        <v>625</v>
      </c>
      <c r="C109" s="12">
        <v>0</v>
      </c>
      <c r="D109" s="12">
        <v>0</v>
      </c>
      <c r="E109" s="12">
        <v>0</v>
      </c>
      <c r="F109" s="12">
        <v>0</v>
      </c>
    </row>
    <row r="110" spans="1:6" x14ac:dyDescent="0.25">
      <c r="A110" s="2" t="s">
        <v>161</v>
      </c>
      <c r="B110" s="4" t="s">
        <v>626</v>
      </c>
      <c r="C110" s="12">
        <v>0</v>
      </c>
      <c r="D110" s="12">
        <v>0</v>
      </c>
      <c r="E110" s="12">
        <v>0</v>
      </c>
      <c r="F110" s="12">
        <v>0</v>
      </c>
    </row>
    <row r="111" spans="1:6" x14ac:dyDescent="0.25">
      <c r="A111" s="2" t="s">
        <v>163</v>
      </c>
      <c r="B111" s="4" t="s">
        <v>627</v>
      </c>
      <c r="C111" s="12">
        <v>0</v>
      </c>
      <c r="D111" s="12">
        <v>0</v>
      </c>
      <c r="E111" s="12">
        <v>0</v>
      </c>
      <c r="F111" s="12">
        <v>0</v>
      </c>
    </row>
    <row r="112" spans="1:6" x14ac:dyDescent="0.25">
      <c r="A112" s="3" t="s">
        <v>176</v>
      </c>
      <c r="B112" s="5" t="s">
        <v>628</v>
      </c>
      <c r="C112" s="11">
        <v>0</v>
      </c>
      <c r="D112" s="11">
        <v>0</v>
      </c>
      <c r="E112" s="11">
        <v>0</v>
      </c>
      <c r="F112" s="11">
        <v>0</v>
      </c>
    </row>
    <row r="113" spans="1:8" x14ac:dyDescent="0.25">
      <c r="A113" s="2" t="s">
        <v>178</v>
      </c>
      <c r="B113" s="4" t="s">
        <v>629</v>
      </c>
      <c r="C113" s="12">
        <v>0</v>
      </c>
      <c r="D113" s="12">
        <v>0</v>
      </c>
      <c r="E113" s="12">
        <v>0</v>
      </c>
      <c r="F113" s="12">
        <v>0</v>
      </c>
    </row>
    <row r="114" spans="1:8" x14ac:dyDescent="0.25">
      <c r="A114" s="2" t="s">
        <v>180</v>
      </c>
      <c r="B114" s="4" t="s">
        <v>306</v>
      </c>
      <c r="C114" s="12">
        <v>0</v>
      </c>
      <c r="D114" s="12">
        <v>0</v>
      </c>
      <c r="E114" s="12">
        <v>0</v>
      </c>
      <c r="F114" s="12">
        <v>0</v>
      </c>
    </row>
    <row r="115" spans="1:8" x14ac:dyDescent="0.25">
      <c r="A115" s="3" t="s">
        <v>182</v>
      </c>
      <c r="B115" s="5" t="s">
        <v>630</v>
      </c>
      <c r="C115" s="11">
        <v>0</v>
      </c>
      <c r="D115" s="11">
        <v>0</v>
      </c>
      <c r="E115" s="11">
        <v>0</v>
      </c>
      <c r="F115" s="11">
        <v>0</v>
      </c>
    </row>
    <row r="116" spans="1:8" x14ac:dyDescent="0.25">
      <c r="A116" s="2" t="s">
        <v>184</v>
      </c>
      <c r="B116" s="4" t="s">
        <v>631</v>
      </c>
      <c r="C116" s="12">
        <v>0</v>
      </c>
      <c r="D116" s="12">
        <v>0</v>
      </c>
      <c r="E116" s="12">
        <v>0</v>
      </c>
      <c r="F116" s="12">
        <v>0</v>
      </c>
    </row>
    <row r="117" spans="1:8" x14ac:dyDescent="0.25">
      <c r="A117" s="2" t="s">
        <v>186</v>
      </c>
      <c r="B117" s="4" t="s">
        <v>632</v>
      </c>
      <c r="C117" s="12">
        <v>0</v>
      </c>
      <c r="D117" s="12">
        <v>0</v>
      </c>
      <c r="E117" s="12">
        <v>0</v>
      </c>
      <c r="F117" s="12">
        <v>0</v>
      </c>
    </row>
    <row r="118" spans="1:8" x14ac:dyDescent="0.25">
      <c r="A118" s="2" t="s">
        <v>188</v>
      </c>
      <c r="B118" s="4" t="s">
        <v>633</v>
      </c>
      <c r="C118" s="12">
        <v>0</v>
      </c>
      <c r="D118" s="12">
        <v>0</v>
      </c>
      <c r="E118" s="12">
        <v>0</v>
      </c>
      <c r="F118" s="12">
        <v>0</v>
      </c>
    </row>
    <row r="119" spans="1:8" x14ac:dyDescent="0.25">
      <c r="A119" s="3" t="s">
        <v>190</v>
      </c>
      <c r="B119" s="5" t="s">
        <v>634</v>
      </c>
      <c r="C119" s="11">
        <v>0</v>
      </c>
      <c r="D119" s="11">
        <v>0</v>
      </c>
      <c r="E119" s="11">
        <v>0</v>
      </c>
      <c r="F119" s="11">
        <v>0</v>
      </c>
    </row>
    <row r="121" spans="1:8" x14ac:dyDescent="0.25">
      <c r="A121" s="10" t="s">
        <v>6</v>
      </c>
      <c r="B121" s="10" t="s">
        <v>635</v>
      </c>
      <c r="C121" s="10" t="s">
        <v>369</v>
      </c>
      <c r="D121" s="10" t="s">
        <v>584</v>
      </c>
      <c r="E121" s="10" t="s">
        <v>168</v>
      </c>
      <c r="F121" s="10" t="s">
        <v>7</v>
      </c>
      <c r="G121" s="10" t="s">
        <v>172</v>
      </c>
      <c r="H121" s="10" t="s">
        <v>172</v>
      </c>
    </row>
    <row r="122" spans="1:8" ht="21" x14ac:dyDescent="0.25">
      <c r="A122" s="10" t="s">
        <v>7</v>
      </c>
      <c r="B122" s="10" t="s">
        <v>7</v>
      </c>
      <c r="C122" s="10" t="s">
        <v>7</v>
      </c>
      <c r="D122" s="10" t="s">
        <v>7</v>
      </c>
      <c r="E122" s="1" t="s">
        <v>559</v>
      </c>
      <c r="F122" s="1" t="s">
        <v>560</v>
      </c>
      <c r="G122" s="1" t="s">
        <v>559</v>
      </c>
      <c r="H122" s="1" t="s">
        <v>560</v>
      </c>
    </row>
    <row r="123" spans="1:8" x14ac:dyDescent="0.25">
      <c r="A123" s="3" t="s">
        <v>192</v>
      </c>
      <c r="B123" s="5" t="s">
        <v>585</v>
      </c>
      <c r="C123" s="11">
        <v>0</v>
      </c>
      <c r="D123" s="11">
        <v>0</v>
      </c>
      <c r="E123" s="11">
        <v>0</v>
      </c>
      <c r="F123" s="11">
        <v>0</v>
      </c>
      <c r="G123" s="11">
        <v>0</v>
      </c>
      <c r="H123" s="11">
        <v>0</v>
      </c>
    </row>
    <row r="124" spans="1:8" x14ac:dyDescent="0.25">
      <c r="A124" s="2" t="s">
        <v>194</v>
      </c>
      <c r="B124" s="4" t="s">
        <v>636</v>
      </c>
      <c r="C124" s="12">
        <v>0</v>
      </c>
      <c r="D124" s="12">
        <v>0</v>
      </c>
      <c r="E124" s="12">
        <v>0</v>
      </c>
      <c r="F124" s="12">
        <v>0</v>
      </c>
      <c r="G124" s="12">
        <v>0</v>
      </c>
      <c r="H124" s="12">
        <v>0</v>
      </c>
    </row>
    <row r="125" spans="1:8" x14ac:dyDescent="0.25">
      <c r="A125" s="2" t="s">
        <v>196</v>
      </c>
      <c r="B125" s="4" t="s">
        <v>587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</row>
    <row r="126" spans="1:8" x14ac:dyDescent="0.25">
      <c r="A126" s="2" t="s">
        <v>198</v>
      </c>
      <c r="B126" s="4" t="s">
        <v>588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</row>
    <row r="127" spans="1:8" x14ac:dyDescent="0.25">
      <c r="A127" s="3" t="s">
        <v>200</v>
      </c>
      <c r="B127" s="5" t="s">
        <v>589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</row>
    <row r="128" spans="1:8" x14ac:dyDescent="0.25">
      <c r="A128" s="2" t="s">
        <v>202</v>
      </c>
      <c r="B128" s="4" t="s">
        <v>590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</row>
    <row r="129" spans="1:8" x14ac:dyDescent="0.25">
      <c r="A129" s="2" t="s">
        <v>204</v>
      </c>
      <c r="B129" s="4" t="s">
        <v>587</v>
      </c>
      <c r="C129" s="12">
        <v>0</v>
      </c>
      <c r="D129" s="12">
        <v>0</v>
      </c>
      <c r="E129" s="12">
        <v>0</v>
      </c>
      <c r="F129" s="12">
        <v>0</v>
      </c>
      <c r="G129" s="12">
        <v>0</v>
      </c>
      <c r="H129" s="12">
        <v>0</v>
      </c>
    </row>
    <row r="130" spans="1:8" x14ac:dyDescent="0.25">
      <c r="A130" s="2" t="s">
        <v>206</v>
      </c>
      <c r="B130" s="4" t="s">
        <v>588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</row>
    <row r="131" spans="1:8" x14ac:dyDescent="0.25">
      <c r="A131" s="3" t="s">
        <v>208</v>
      </c>
      <c r="B131" s="5" t="s">
        <v>591</v>
      </c>
      <c r="C131" s="11">
        <v>0</v>
      </c>
      <c r="D131" s="11">
        <v>0</v>
      </c>
      <c r="E131" s="11">
        <v>0</v>
      </c>
      <c r="F131" s="11">
        <v>0</v>
      </c>
      <c r="G131" s="11">
        <v>0</v>
      </c>
      <c r="H131" s="11">
        <v>0</v>
      </c>
    </row>
    <row r="132" spans="1:8" x14ac:dyDescent="0.25">
      <c r="A132" s="2" t="s">
        <v>210</v>
      </c>
      <c r="B132" s="4" t="s">
        <v>592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</row>
    <row r="133" spans="1:8" x14ac:dyDescent="0.25">
      <c r="A133" s="2" t="s">
        <v>212</v>
      </c>
      <c r="B133" s="4" t="s">
        <v>593</v>
      </c>
      <c r="C133" s="12">
        <v>0</v>
      </c>
      <c r="D133" s="12">
        <v>0</v>
      </c>
      <c r="E133" s="12">
        <v>0</v>
      </c>
      <c r="F133" s="12">
        <v>0</v>
      </c>
      <c r="G133" s="12">
        <v>0</v>
      </c>
      <c r="H133" s="12">
        <v>0</v>
      </c>
    </row>
    <row r="134" spans="1:8" x14ac:dyDescent="0.25">
      <c r="A134" s="3" t="s">
        <v>214</v>
      </c>
      <c r="B134" s="5" t="s">
        <v>637</v>
      </c>
      <c r="C134" s="11">
        <v>0</v>
      </c>
      <c r="D134" s="11">
        <v>0</v>
      </c>
      <c r="E134" s="11">
        <v>0</v>
      </c>
      <c r="F134" s="11">
        <v>0</v>
      </c>
      <c r="G134" s="11">
        <v>0</v>
      </c>
      <c r="H134" s="11">
        <v>0</v>
      </c>
    </row>
    <row r="136" spans="1:8" x14ac:dyDescent="0.25">
      <c r="A136" s="10" t="s">
        <v>6</v>
      </c>
      <c r="B136" s="10" t="s">
        <v>638</v>
      </c>
      <c r="C136" s="10" t="s">
        <v>369</v>
      </c>
      <c r="D136" s="10" t="s">
        <v>584</v>
      </c>
      <c r="E136" s="10" t="s">
        <v>168</v>
      </c>
      <c r="F136" s="10" t="s">
        <v>7</v>
      </c>
      <c r="G136" s="10" t="s">
        <v>172</v>
      </c>
      <c r="H136" s="10" t="s">
        <v>172</v>
      </c>
    </row>
    <row r="137" spans="1:8" ht="21" x14ac:dyDescent="0.25">
      <c r="A137" s="10" t="s">
        <v>7</v>
      </c>
      <c r="B137" s="10" t="s">
        <v>7</v>
      </c>
      <c r="C137" s="10" t="s">
        <v>7</v>
      </c>
      <c r="D137" s="10" t="s">
        <v>7</v>
      </c>
      <c r="E137" s="1" t="s">
        <v>559</v>
      </c>
      <c r="F137" s="1" t="s">
        <v>560</v>
      </c>
      <c r="G137" s="1" t="s">
        <v>559</v>
      </c>
      <c r="H137" s="1" t="s">
        <v>560</v>
      </c>
    </row>
    <row r="138" spans="1:8" x14ac:dyDescent="0.25">
      <c r="A138" s="2" t="s">
        <v>215</v>
      </c>
      <c r="B138" s="4" t="s">
        <v>639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</row>
    <row r="140" spans="1:8" x14ac:dyDescent="0.25">
      <c r="A140" s="10" t="s">
        <v>6</v>
      </c>
      <c r="B140" s="10" t="s">
        <v>640</v>
      </c>
      <c r="C140" s="10" t="s">
        <v>602</v>
      </c>
    </row>
    <row r="141" spans="1:8" x14ac:dyDescent="0.25">
      <c r="A141" s="10" t="s">
        <v>7</v>
      </c>
      <c r="B141" s="10" t="s">
        <v>7</v>
      </c>
      <c r="C141" s="10" t="s">
        <v>7</v>
      </c>
    </row>
    <row r="142" spans="1:8" x14ac:dyDescent="0.25">
      <c r="A142" s="2" t="s">
        <v>216</v>
      </c>
      <c r="B142" s="4" t="s">
        <v>641</v>
      </c>
      <c r="C142" s="12">
        <v>0</v>
      </c>
    </row>
    <row r="143" spans="1:8" x14ac:dyDescent="0.25">
      <c r="A143" s="2" t="s">
        <v>218</v>
      </c>
      <c r="B143" s="4" t="s">
        <v>642</v>
      </c>
      <c r="C143" s="12">
        <v>0</v>
      </c>
    </row>
    <row r="145" spans="1:8" x14ac:dyDescent="0.25">
      <c r="A145" s="10" t="s">
        <v>6</v>
      </c>
      <c r="B145" s="10" t="s">
        <v>643</v>
      </c>
      <c r="C145" s="10" t="s">
        <v>9</v>
      </c>
      <c r="D145" s="10" t="s">
        <v>558</v>
      </c>
      <c r="E145" s="10" t="s">
        <v>11</v>
      </c>
      <c r="F145" s="10" t="s">
        <v>11</v>
      </c>
    </row>
    <row r="146" spans="1:8" ht="21" x14ac:dyDescent="0.25">
      <c r="A146" s="10" t="s">
        <v>7</v>
      </c>
      <c r="B146" s="10" t="s">
        <v>7</v>
      </c>
      <c r="C146" s="10" t="s">
        <v>7</v>
      </c>
      <c r="D146" s="10" t="s">
        <v>7</v>
      </c>
      <c r="E146" s="1" t="s">
        <v>559</v>
      </c>
      <c r="F146" s="1" t="s">
        <v>560</v>
      </c>
    </row>
    <row r="147" spans="1:8" x14ac:dyDescent="0.25">
      <c r="A147" s="2" t="s">
        <v>220</v>
      </c>
      <c r="B147" s="4" t="s">
        <v>228</v>
      </c>
      <c r="C147" s="12">
        <v>0</v>
      </c>
      <c r="D147" s="12">
        <v>0</v>
      </c>
      <c r="E147" s="12">
        <v>0</v>
      </c>
      <c r="F147" s="12">
        <v>0</v>
      </c>
    </row>
    <row r="148" spans="1:8" x14ac:dyDescent="0.25">
      <c r="A148" s="2" t="s">
        <v>222</v>
      </c>
      <c r="B148" s="4" t="s">
        <v>644</v>
      </c>
      <c r="C148" s="12">
        <v>0</v>
      </c>
      <c r="D148" s="12">
        <v>0</v>
      </c>
      <c r="E148" s="12">
        <v>0</v>
      </c>
      <c r="F148" s="12">
        <v>0</v>
      </c>
    </row>
    <row r="150" spans="1:8" x14ac:dyDescent="0.25">
      <c r="A150" s="10" t="s">
        <v>6</v>
      </c>
      <c r="B150" s="10" t="s">
        <v>645</v>
      </c>
      <c r="C150" s="10" t="s">
        <v>369</v>
      </c>
      <c r="D150" s="10" t="s">
        <v>584</v>
      </c>
      <c r="E150" s="10" t="s">
        <v>168</v>
      </c>
      <c r="F150" s="10" t="s">
        <v>7</v>
      </c>
      <c r="G150" s="10" t="s">
        <v>172</v>
      </c>
      <c r="H150" s="10" t="s">
        <v>172</v>
      </c>
    </row>
    <row r="151" spans="1:8" ht="21" x14ac:dyDescent="0.25">
      <c r="A151" s="10" t="s">
        <v>7</v>
      </c>
      <c r="B151" s="10" t="s">
        <v>7</v>
      </c>
      <c r="C151" s="10" t="s">
        <v>7</v>
      </c>
      <c r="D151" s="10" t="s">
        <v>7</v>
      </c>
      <c r="E151" s="1" t="s">
        <v>559</v>
      </c>
      <c r="F151" s="1" t="s">
        <v>560</v>
      </c>
      <c r="G151" s="1" t="s">
        <v>559</v>
      </c>
      <c r="H151" s="1" t="s">
        <v>560</v>
      </c>
    </row>
    <row r="152" spans="1:8" x14ac:dyDescent="0.25">
      <c r="A152" s="2" t="s">
        <v>225</v>
      </c>
      <c r="B152" s="4" t="s">
        <v>646</v>
      </c>
      <c r="C152" s="12">
        <v>28493600</v>
      </c>
      <c r="D152" s="12">
        <v>27420997.309999999</v>
      </c>
      <c r="E152" s="12">
        <v>2959883.9</v>
      </c>
      <c r="F152" s="12">
        <v>2321009.9300000002</v>
      </c>
      <c r="G152" s="12">
        <v>2900606.38</v>
      </c>
      <c r="H152" s="12">
        <v>2253422.7400000002</v>
      </c>
    </row>
    <row r="153" spans="1:8" x14ac:dyDescent="0.25">
      <c r="A153" s="2" t="s">
        <v>227</v>
      </c>
      <c r="B153" s="4" t="s">
        <v>647</v>
      </c>
      <c r="C153" s="12">
        <v>2540000</v>
      </c>
      <c r="D153" s="12">
        <v>2548000</v>
      </c>
      <c r="E153" s="12">
        <v>0</v>
      </c>
      <c r="F153" s="12">
        <v>0</v>
      </c>
      <c r="G153" s="12">
        <v>0</v>
      </c>
      <c r="H153" s="12">
        <v>0</v>
      </c>
    </row>
    <row r="154" spans="1:8" x14ac:dyDescent="0.25">
      <c r="A154" s="3" t="s">
        <v>229</v>
      </c>
      <c r="B154" s="5" t="s">
        <v>648</v>
      </c>
      <c r="C154" s="11">
        <v>31033600</v>
      </c>
      <c r="D154" s="11">
        <v>29968997.309999999</v>
      </c>
      <c r="E154" s="11">
        <v>2959883.9</v>
      </c>
      <c r="F154" s="11">
        <v>2321009.9300000002</v>
      </c>
      <c r="G154" s="11">
        <v>2900606.38</v>
      </c>
      <c r="H154" s="11">
        <v>2253422.7400000002</v>
      </c>
    </row>
    <row r="156" spans="1:8" x14ac:dyDescent="0.25">
      <c r="A156" s="10" t="s">
        <v>6</v>
      </c>
      <c r="B156" s="10" t="s">
        <v>649</v>
      </c>
      <c r="C156" s="10" t="s">
        <v>369</v>
      </c>
      <c r="D156" s="10" t="s">
        <v>584</v>
      </c>
      <c r="E156" s="10" t="s">
        <v>168</v>
      </c>
      <c r="F156" s="10" t="s">
        <v>7</v>
      </c>
      <c r="G156" s="10" t="s">
        <v>172</v>
      </c>
      <c r="H156" s="10" t="s">
        <v>172</v>
      </c>
    </row>
    <row r="157" spans="1:8" ht="21" x14ac:dyDescent="0.25">
      <c r="A157" s="10" t="s">
        <v>7</v>
      </c>
      <c r="B157" s="10" t="s">
        <v>7</v>
      </c>
      <c r="C157" s="10" t="s">
        <v>7</v>
      </c>
      <c r="D157" s="10" t="s">
        <v>7</v>
      </c>
      <c r="E157" s="1" t="s">
        <v>559</v>
      </c>
      <c r="F157" s="1" t="s">
        <v>560</v>
      </c>
      <c r="G157" s="1" t="s">
        <v>559</v>
      </c>
      <c r="H157" s="1" t="s">
        <v>560</v>
      </c>
    </row>
    <row r="158" spans="1:8" x14ac:dyDescent="0.25">
      <c r="A158" s="2" t="s">
        <v>231</v>
      </c>
      <c r="B158" s="4" t="s">
        <v>650</v>
      </c>
      <c r="C158" s="12">
        <v>-31033600</v>
      </c>
      <c r="D158" s="12">
        <v>-29968997.309999999</v>
      </c>
      <c r="E158" s="12">
        <v>-2959883.9</v>
      </c>
      <c r="F158" s="12">
        <v>-2321009.9300000002</v>
      </c>
      <c r="G158" s="12">
        <v>-2900606.38</v>
      </c>
      <c r="H158" s="12">
        <v>-2253422.7400000002</v>
      </c>
    </row>
  </sheetData>
  <mergeCells count="72">
    <mergeCell ref="G150:H150"/>
    <mergeCell ref="A156:A157"/>
    <mergeCell ref="B156:B157"/>
    <mergeCell ref="C156:C157"/>
    <mergeCell ref="D156:D157"/>
    <mergeCell ref="E156:F156"/>
    <mergeCell ref="G156:H156"/>
    <mergeCell ref="D145:D146"/>
    <mergeCell ref="E145:F145"/>
    <mergeCell ref="A150:A151"/>
    <mergeCell ref="B150:B151"/>
    <mergeCell ref="C150:C151"/>
    <mergeCell ref="D150:D151"/>
    <mergeCell ref="E150:F150"/>
    <mergeCell ref="A140:A141"/>
    <mergeCell ref="B140:B141"/>
    <mergeCell ref="C140:C141"/>
    <mergeCell ref="A145:A146"/>
    <mergeCell ref="B145:B146"/>
    <mergeCell ref="C145:C146"/>
    <mergeCell ref="G121:H121"/>
    <mergeCell ref="A136:A137"/>
    <mergeCell ref="B136:B137"/>
    <mergeCell ref="C136:C137"/>
    <mergeCell ref="D136:D137"/>
    <mergeCell ref="E136:F136"/>
    <mergeCell ref="G136:H136"/>
    <mergeCell ref="A121:A122"/>
    <mergeCell ref="B121:B122"/>
    <mergeCell ref="C121:C122"/>
    <mergeCell ref="D121:D122"/>
    <mergeCell ref="E121:F121"/>
    <mergeCell ref="A86:A87"/>
    <mergeCell ref="B86:B87"/>
    <mergeCell ref="C86:C87"/>
    <mergeCell ref="D86:D87"/>
    <mergeCell ref="E86:F86"/>
    <mergeCell ref="A73:A74"/>
    <mergeCell ref="B73:B74"/>
    <mergeCell ref="C73:C74"/>
    <mergeCell ref="A80:A81"/>
    <mergeCell ref="B80:B81"/>
    <mergeCell ref="C80:D80"/>
    <mergeCell ref="A65:A66"/>
    <mergeCell ref="B65:B66"/>
    <mergeCell ref="C65:C66"/>
    <mergeCell ref="A69:A70"/>
    <mergeCell ref="B69:B70"/>
    <mergeCell ref="C69:C70"/>
    <mergeCell ref="G46:H46"/>
    <mergeCell ref="A61:A62"/>
    <mergeCell ref="B61:B62"/>
    <mergeCell ref="C61:C62"/>
    <mergeCell ref="D61:D62"/>
    <mergeCell ref="E61:F61"/>
    <mergeCell ref="G61:H61"/>
    <mergeCell ref="A46:A47"/>
    <mergeCell ref="B46:B47"/>
    <mergeCell ref="C46:C47"/>
    <mergeCell ref="D46:D47"/>
    <mergeCell ref="E46:F46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3" width="20.28515625" bestFit="1" customWidth="1"/>
    <col min="4" max="4" width="19.140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51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52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53</v>
      </c>
      <c r="C10" s="10" t="s">
        <v>558</v>
      </c>
      <c r="D10" s="1" t="s">
        <v>559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54</v>
      </c>
    </row>
    <row r="12" spans="1:9" x14ac:dyDescent="0.25">
      <c r="A12" s="3" t="s">
        <v>17</v>
      </c>
      <c r="B12" s="5" t="s">
        <v>561</v>
      </c>
      <c r="C12" s="11">
        <v>12915947152.76</v>
      </c>
      <c r="D12" s="11">
        <v>4568995706.1400003</v>
      </c>
    </row>
    <row r="13" spans="1:9" x14ac:dyDescent="0.25">
      <c r="A13" s="3" t="s">
        <v>19</v>
      </c>
      <c r="B13" s="5" t="s">
        <v>655</v>
      </c>
      <c r="C13" s="11">
        <v>7547324200</v>
      </c>
      <c r="D13" s="11">
        <v>2562130682.9099998</v>
      </c>
    </row>
    <row r="14" spans="1:9" x14ac:dyDescent="0.25">
      <c r="A14" s="2" t="s">
        <v>21</v>
      </c>
      <c r="B14" s="4" t="s">
        <v>656</v>
      </c>
      <c r="C14" s="12">
        <v>5896475400</v>
      </c>
      <c r="D14" s="12">
        <v>1966216515.5</v>
      </c>
    </row>
    <row r="15" spans="1:9" x14ac:dyDescent="0.25">
      <c r="A15" s="2" t="s">
        <v>23</v>
      </c>
      <c r="B15" s="4" t="s">
        <v>657</v>
      </c>
      <c r="C15" s="12">
        <v>291973900</v>
      </c>
      <c r="D15" s="12">
        <v>205839906.88999999</v>
      </c>
    </row>
    <row r="16" spans="1:9" x14ac:dyDescent="0.25">
      <c r="A16" s="2" t="s">
        <v>25</v>
      </c>
      <c r="B16" s="4" t="s">
        <v>658</v>
      </c>
      <c r="C16" s="12">
        <v>145958300</v>
      </c>
      <c r="D16" s="12">
        <v>60266945.619999997</v>
      </c>
    </row>
    <row r="17" spans="1:4" x14ac:dyDescent="0.25">
      <c r="A17" s="2" t="s">
        <v>27</v>
      </c>
      <c r="B17" s="4" t="s">
        <v>659</v>
      </c>
      <c r="C17" s="12">
        <v>956647400</v>
      </c>
      <c r="D17" s="12">
        <v>257617531.94999999</v>
      </c>
    </row>
    <row r="18" spans="1:4" x14ac:dyDescent="0.25">
      <c r="A18" s="2" t="s">
        <v>29</v>
      </c>
      <c r="B18" s="4" t="s">
        <v>660</v>
      </c>
      <c r="C18" s="12">
        <v>256269200</v>
      </c>
      <c r="D18" s="12">
        <v>72189782.950000003</v>
      </c>
    </row>
    <row r="19" spans="1:4" x14ac:dyDescent="0.25">
      <c r="A19" s="2" t="s">
        <v>31</v>
      </c>
      <c r="B19" s="4" t="s">
        <v>661</v>
      </c>
      <c r="C19" s="12">
        <v>742510800</v>
      </c>
      <c r="D19" s="12">
        <v>175231763.00999999</v>
      </c>
    </row>
    <row r="20" spans="1:4" x14ac:dyDescent="0.25">
      <c r="A20" s="3" t="s">
        <v>33</v>
      </c>
      <c r="B20" s="5" t="s">
        <v>569</v>
      </c>
      <c r="C20" s="11">
        <v>108974602.76000001</v>
      </c>
      <c r="D20" s="11">
        <v>27773294.760000002</v>
      </c>
    </row>
    <row r="21" spans="1:4" x14ac:dyDescent="0.25">
      <c r="A21" s="2" t="s">
        <v>35</v>
      </c>
      <c r="B21" s="4" t="s">
        <v>662</v>
      </c>
      <c r="C21" s="12">
        <v>58888302.759999998</v>
      </c>
      <c r="D21" s="12">
        <v>12756738.18</v>
      </c>
    </row>
    <row r="22" spans="1:4" x14ac:dyDescent="0.25">
      <c r="A22" s="2" t="s">
        <v>37</v>
      </c>
      <c r="B22" s="4" t="s">
        <v>572</v>
      </c>
      <c r="C22" s="12">
        <v>50086300</v>
      </c>
      <c r="D22" s="12">
        <v>15016556.58</v>
      </c>
    </row>
    <row r="23" spans="1:4" x14ac:dyDescent="0.25">
      <c r="A23" s="3" t="s">
        <v>39</v>
      </c>
      <c r="B23" s="5" t="s">
        <v>663</v>
      </c>
      <c r="C23" s="11">
        <v>3632383350</v>
      </c>
      <c r="D23" s="11">
        <v>1549125009.8800001</v>
      </c>
    </row>
    <row r="24" spans="1:4" x14ac:dyDescent="0.25">
      <c r="A24" s="2" t="s">
        <v>41</v>
      </c>
      <c r="B24" s="4" t="s">
        <v>664</v>
      </c>
      <c r="C24" s="12">
        <v>982164200</v>
      </c>
      <c r="D24" s="12">
        <v>377834542.62</v>
      </c>
    </row>
    <row r="25" spans="1:4" x14ac:dyDescent="0.25">
      <c r="A25" s="2" t="s">
        <v>43</v>
      </c>
      <c r="B25" s="4" t="s">
        <v>665</v>
      </c>
      <c r="C25" s="12">
        <v>14680000</v>
      </c>
      <c r="D25" s="12">
        <v>0</v>
      </c>
    </row>
    <row r="26" spans="1:4" x14ac:dyDescent="0.25">
      <c r="A26" s="2" t="s">
        <v>45</v>
      </c>
      <c r="B26" s="4" t="s">
        <v>666</v>
      </c>
      <c r="C26" s="12">
        <v>63898800</v>
      </c>
      <c r="D26" s="12">
        <v>17115813.329999998</v>
      </c>
    </row>
    <row r="27" spans="1:4" x14ac:dyDescent="0.25">
      <c r="A27" s="2" t="s">
        <v>47</v>
      </c>
      <c r="B27" s="4" t="s">
        <v>667</v>
      </c>
      <c r="C27" s="12">
        <v>1162234200</v>
      </c>
      <c r="D27" s="12">
        <v>391043702.56999999</v>
      </c>
    </row>
    <row r="28" spans="1:4" x14ac:dyDescent="0.25">
      <c r="A28" s="2" t="s">
        <v>49</v>
      </c>
      <c r="B28" s="4" t="s">
        <v>668</v>
      </c>
      <c r="C28" s="12">
        <v>1409406150</v>
      </c>
      <c r="D28" s="12">
        <v>763130951.36000001</v>
      </c>
    </row>
    <row r="29" spans="1:4" x14ac:dyDescent="0.25">
      <c r="A29" s="3" t="s">
        <v>51</v>
      </c>
      <c r="B29" s="5" t="s">
        <v>669</v>
      </c>
      <c r="C29" s="11">
        <v>884754200</v>
      </c>
      <c r="D29" s="11">
        <v>254734955.58000001</v>
      </c>
    </row>
    <row r="30" spans="1:4" x14ac:dyDescent="0.25">
      <c r="A30" s="2" t="s">
        <v>53</v>
      </c>
      <c r="B30" s="4" t="s">
        <v>670</v>
      </c>
      <c r="C30" s="12">
        <v>69200</v>
      </c>
      <c r="D30" s="12">
        <v>874223.2</v>
      </c>
    </row>
    <row r="31" spans="1:4" x14ac:dyDescent="0.25">
      <c r="A31" s="2" t="s">
        <v>55</v>
      </c>
      <c r="B31" s="4" t="s">
        <v>671</v>
      </c>
      <c r="C31" s="12">
        <v>884685000</v>
      </c>
      <c r="D31" s="12">
        <v>253860732.38</v>
      </c>
    </row>
    <row r="32" spans="1:4" x14ac:dyDescent="0.25">
      <c r="A32" s="2" t="s">
        <v>57</v>
      </c>
      <c r="B32" s="4" t="s">
        <v>672</v>
      </c>
      <c r="C32" s="12">
        <v>12856989650</v>
      </c>
      <c r="D32" s="12">
        <v>4555364744.7600002</v>
      </c>
    </row>
    <row r="33" spans="1:4" x14ac:dyDescent="0.25">
      <c r="A33" s="3" t="s">
        <v>59</v>
      </c>
      <c r="B33" s="5" t="s">
        <v>673</v>
      </c>
      <c r="C33" s="11">
        <v>1674632554</v>
      </c>
      <c r="D33" s="11">
        <v>68875888.200000003</v>
      </c>
    </row>
    <row r="34" spans="1:4" x14ac:dyDescent="0.25">
      <c r="A34" s="2" t="s">
        <v>61</v>
      </c>
      <c r="B34" s="4" t="s">
        <v>674</v>
      </c>
      <c r="C34" s="12">
        <v>33476897</v>
      </c>
      <c r="D34" s="12">
        <v>19708636.879999999</v>
      </c>
    </row>
    <row r="35" spans="1:4" x14ac:dyDescent="0.25">
      <c r="A35" s="2" t="s">
        <v>63</v>
      </c>
      <c r="B35" s="4" t="s">
        <v>675</v>
      </c>
      <c r="C35" s="12">
        <v>5248000</v>
      </c>
      <c r="D35" s="12">
        <v>2495210.66</v>
      </c>
    </row>
    <row r="36" spans="1:4" x14ac:dyDescent="0.25">
      <c r="A36" s="3" t="s">
        <v>65</v>
      </c>
      <c r="B36" s="5" t="s">
        <v>676</v>
      </c>
      <c r="C36" s="11">
        <v>5188600</v>
      </c>
      <c r="D36" s="11">
        <v>92747.74</v>
      </c>
    </row>
    <row r="37" spans="1:4" x14ac:dyDescent="0.25">
      <c r="A37" s="2" t="s">
        <v>67</v>
      </c>
      <c r="B37" s="4" t="s">
        <v>677</v>
      </c>
      <c r="C37" s="12">
        <v>0</v>
      </c>
      <c r="D37" s="12">
        <v>0</v>
      </c>
    </row>
    <row r="38" spans="1:4" x14ac:dyDescent="0.25">
      <c r="A38" s="2" t="s">
        <v>69</v>
      </c>
      <c r="B38" s="4" t="s">
        <v>678</v>
      </c>
      <c r="C38" s="12">
        <v>0</v>
      </c>
      <c r="D38" s="12">
        <v>0</v>
      </c>
    </row>
    <row r="39" spans="1:4" x14ac:dyDescent="0.25">
      <c r="A39" s="2" t="s">
        <v>71</v>
      </c>
      <c r="B39" s="4" t="s">
        <v>679</v>
      </c>
      <c r="C39" s="12">
        <v>5188600</v>
      </c>
      <c r="D39" s="12">
        <v>92747.74</v>
      </c>
    </row>
    <row r="40" spans="1:4" x14ac:dyDescent="0.25">
      <c r="A40" s="3" t="s">
        <v>73</v>
      </c>
      <c r="B40" s="5" t="s">
        <v>680</v>
      </c>
      <c r="C40" s="11">
        <v>1005973957</v>
      </c>
      <c r="D40" s="11">
        <v>46579292.920000002</v>
      </c>
    </row>
    <row r="41" spans="1:4" x14ac:dyDescent="0.25">
      <c r="A41" s="2" t="s">
        <v>75</v>
      </c>
      <c r="B41" s="4" t="s">
        <v>681</v>
      </c>
      <c r="C41" s="12">
        <v>488891457</v>
      </c>
      <c r="D41" s="12">
        <v>18051947.920000002</v>
      </c>
    </row>
    <row r="42" spans="1:4" x14ac:dyDescent="0.25">
      <c r="A42" s="2" t="s">
        <v>77</v>
      </c>
      <c r="B42" s="4" t="s">
        <v>682</v>
      </c>
      <c r="C42" s="12">
        <v>517082500</v>
      </c>
      <c r="D42" s="12">
        <v>28527345</v>
      </c>
    </row>
    <row r="43" spans="1:4" x14ac:dyDescent="0.25">
      <c r="A43" s="3" t="s">
        <v>79</v>
      </c>
      <c r="B43" s="5" t="s">
        <v>581</v>
      </c>
      <c r="C43" s="11">
        <v>624745100</v>
      </c>
      <c r="D43" s="11">
        <v>0</v>
      </c>
    </row>
    <row r="44" spans="1:4" x14ac:dyDescent="0.25">
      <c r="A44" s="2" t="s">
        <v>81</v>
      </c>
      <c r="B44" s="4" t="s">
        <v>683</v>
      </c>
      <c r="C44" s="12">
        <v>0</v>
      </c>
      <c r="D44" s="12">
        <v>0</v>
      </c>
    </row>
    <row r="45" spans="1:4" x14ac:dyDescent="0.25">
      <c r="A45" s="2" t="s">
        <v>83</v>
      </c>
      <c r="B45" s="4" t="s">
        <v>684</v>
      </c>
      <c r="C45" s="12">
        <v>624745100</v>
      </c>
      <c r="D45" s="12">
        <v>0</v>
      </c>
    </row>
    <row r="46" spans="1:4" x14ac:dyDescent="0.25">
      <c r="A46" s="2" t="s">
        <v>85</v>
      </c>
      <c r="B46" s="4" t="s">
        <v>685</v>
      </c>
      <c r="C46" s="12">
        <v>1635907657</v>
      </c>
      <c r="D46" s="12">
        <v>46672040.659999996</v>
      </c>
    </row>
    <row r="47" spans="1:4" x14ac:dyDescent="0.25">
      <c r="A47" s="3" t="s">
        <v>87</v>
      </c>
      <c r="B47" s="5" t="s">
        <v>686</v>
      </c>
      <c r="C47" s="11">
        <v>14492897307</v>
      </c>
      <c r="D47" s="11">
        <v>4602036785.4200001</v>
      </c>
    </row>
    <row r="49" spans="1:9" x14ac:dyDescent="0.25">
      <c r="A49" s="10" t="s">
        <v>6</v>
      </c>
      <c r="B49" s="10" t="s">
        <v>687</v>
      </c>
      <c r="C49" s="10" t="s">
        <v>584</v>
      </c>
      <c r="D49" s="10" t="s">
        <v>559</v>
      </c>
      <c r="E49" s="10" t="s">
        <v>7</v>
      </c>
      <c r="F49" s="10" t="s">
        <v>7</v>
      </c>
      <c r="G49" s="10" t="s">
        <v>7</v>
      </c>
      <c r="H49" s="10" t="s">
        <v>690</v>
      </c>
      <c r="I49" s="10" t="s">
        <v>690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8</v>
      </c>
      <c r="E50" s="1" t="s">
        <v>172</v>
      </c>
      <c r="F50" s="1" t="s">
        <v>688</v>
      </c>
      <c r="G50" s="1" t="s">
        <v>689</v>
      </c>
      <c r="H50" s="1" t="s">
        <v>691</v>
      </c>
      <c r="I50" s="1" t="s">
        <v>692</v>
      </c>
    </row>
    <row r="51" spans="1:9" x14ac:dyDescent="0.25">
      <c r="A51" s="3" t="s">
        <v>89</v>
      </c>
      <c r="B51" s="5" t="s">
        <v>646</v>
      </c>
      <c r="C51" s="11">
        <v>12212612340.200001</v>
      </c>
      <c r="D51" s="11">
        <v>5038263385.5900002</v>
      </c>
      <c r="E51" s="11">
        <v>4000971775.4000001</v>
      </c>
      <c r="F51" s="11">
        <v>3540289794.4299998</v>
      </c>
      <c r="G51" s="11">
        <v>257882544.31999999</v>
      </c>
      <c r="H51" s="11">
        <v>119079994.23999999</v>
      </c>
      <c r="I51" s="11">
        <v>111258646.03</v>
      </c>
    </row>
    <row r="52" spans="1:9" x14ac:dyDescent="0.25">
      <c r="A52" s="2" t="s">
        <v>91</v>
      </c>
      <c r="B52" s="4" t="s">
        <v>693</v>
      </c>
      <c r="C52" s="12">
        <v>7404989022.8400002</v>
      </c>
      <c r="D52" s="12">
        <v>3558250113.8099999</v>
      </c>
      <c r="E52" s="12">
        <v>2986856066.9000001</v>
      </c>
      <c r="F52" s="12">
        <v>2629782599.1300001</v>
      </c>
      <c r="G52" s="12">
        <v>177597214.16999999</v>
      </c>
      <c r="H52" s="12">
        <v>331547.34999999998</v>
      </c>
      <c r="I52" s="12">
        <v>331547.34999999998</v>
      </c>
    </row>
    <row r="53" spans="1:9" x14ac:dyDescent="0.25">
      <c r="A53" s="2" t="s">
        <v>93</v>
      </c>
      <c r="B53" s="4" t="s">
        <v>694</v>
      </c>
      <c r="C53" s="12">
        <v>490181000</v>
      </c>
      <c r="D53" s="12">
        <v>84232253.209999993</v>
      </c>
      <c r="E53" s="12">
        <v>78128677.680000007</v>
      </c>
      <c r="F53" s="12">
        <v>78128677.680000007</v>
      </c>
      <c r="G53" s="12">
        <v>0</v>
      </c>
      <c r="H53" s="12">
        <v>0</v>
      </c>
      <c r="I53" s="12">
        <v>0</v>
      </c>
    </row>
    <row r="54" spans="1:9" x14ac:dyDescent="0.25">
      <c r="A54" s="3" t="s">
        <v>95</v>
      </c>
      <c r="B54" s="5" t="s">
        <v>695</v>
      </c>
      <c r="C54" s="11">
        <v>4317442317.3599997</v>
      </c>
      <c r="D54" s="11">
        <v>1395781018.5699999</v>
      </c>
      <c r="E54" s="11">
        <v>935987030.82000005</v>
      </c>
      <c r="F54" s="11">
        <v>832378517.62</v>
      </c>
      <c r="G54" s="11">
        <v>80285330.150000006</v>
      </c>
      <c r="H54" s="11">
        <v>118748446.89</v>
      </c>
      <c r="I54" s="11">
        <v>110927098.68000001</v>
      </c>
    </row>
    <row r="55" spans="1:9" x14ac:dyDescent="0.25">
      <c r="A55" s="2" t="s">
        <v>97</v>
      </c>
      <c r="B55" s="4" t="s">
        <v>696</v>
      </c>
      <c r="C55" s="12">
        <v>168000000</v>
      </c>
      <c r="D55" s="12">
        <v>70000000</v>
      </c>
      <c r="E55" s="12">
        <v>70000000</v>
      </c>
      <c r="F55" s="12">
        <v>56000000</v>
      </c>
      <c r="G55" s="12">
        <v>0</v>
      </c>
      <c r="H55" s="12">
        <v>0</v>
      </c>
      <c r="I55" s="12">
        <v>0</v>
      </c>
    </row>
    <row r="56" spans="1:9" x14ac:dyDescent="0.25">
      <c r="A56" s="2" t="s">
        <v>99</v>
      </c>
      <c r="B56" s="4" t="s">
        <v>697</v>
      </c>
      <c r="C56" s="12">
        <v>4149442317.3600001</v>
      </c>
      <c r="D56" s="12">
        <v>1325781018.5699999</v>
      </c>
      <c r="E56" s="12">
        <v>865987030.82000005</v>
      </c>
      <c r="F56" s="12">
        <v>776378517.62</v>
      </c>
      <c r="G56" s="12">
        <v>80285330.150000006</v>
      </c>
      <c r="H56" s="12">
        <v>118748446.89</v>
      </c>
      <c r="I56" s="12">
        <v>110927098.68000001</v>
      </c>
    </row>
    <row r="57" spans="1:9" x14ac:dyDescent="0.25">
      <c r="A57" s="2" t="s">
        <v>101</v>
      </c>
      <c r="B57" s="4" t="s">
        <v>698</v>
      </c>
      <c r="C57" s="12">
        <v>11722431340.200001</v>
      </c>
      <c r="D57" s="12">
        <v>4954031132.3800001</v>
      </c>
      <c r="E57" s="12">
        <v>3922843097.7199998</v>
      </c>
      <c r="F57" s="12">
        <v>3462161116.75</v>
      </c>
      <c r="G57" s="12">
        <v>257882544.31999999</v>
      </c>
      <c r="H57" s="12">
        <v>119079994.23999999</v>
      </c>
      <c r="I57" s="12">
        <v>111258646.03</v>
      </c>
    </row>
    <row r="58" spans="1:9" x14ac:dyDescent="0.25">
      <c r="A58" s="3" t="s">
        <v>103</v>
      </c>
      <c r="B58" s="5" t="s">
        <v>699</v>
      </c>
      <c r="C58" s="11">
        <v>2187922987.3299999</v>
      </c>
      <c r="D58" s="11">
        <v>713975520.09000003</v>
      </c>
      <c r="E58" s="11">
        <v>356003978.29000002</v>
      </c>
      <c r="F58" s="11">
        <v>340178846.95999998</v>
      </c>
      <c r="G58" s="11">
        <v>5047894.96</v>
      </c>
      <c r="H58" s="11">
        <v>43368992.460000001</v>
      </c>
      <c r="I58" s="11">
        <v>41973072.07</v>
      </c>
    </row>
    <row r="59" spans="1:9" x14ac:dyDescent="0.25">
      <c r="A59" s="2" t="s">
        <v>105</v>
      </c>
      <c r="B59" s="4" t="s">
        <v>700</v>
      </c>
      <c r="C59" s="12">
        <v>1823733192.3299999</v>
      </c>
      <c r="D59" s="12">
        <v>654382166.27999997</v>
      </c>
      <c r="E59" s="12">
        <v>299450137.33999997</v>
      </c>
      <c r="F59" s="12">
        <v>283625006.00999999</v>
      </c>
      <c r="G59" s="12">
        <v>5047894.96</v>
      </c>
      <c r="H59" s="12">
        <v>43368992.460000001</v>
      </c>
      <c r="I59" s="12">
        <v>41973072.07</v>
      </c>
    </row>
    <row r="60" spans="1:9" x14ac:dyDescent="0.25">
      <c r="A60" s="3" t="s">
        <v>107</v>
      </c>
      <c r="B60" s="5" t="s">
        <v>701</v>
      </c>
      <c r="C60" s="11">
        <v>2491695</v>
      </c>
      <c r="D60" s="11">
        <v>2314108.58</v>
      </c>
      <c r="E60" s="11">
        <v>0</v>
      </c>
      <c r="F60" s="11">
        <v>0</v>
      </c>
      <c r="G60" s="11">
        <v>0</v>
      </c>
      <c r="H60" s="11">
        <v>0</v>
      </c>
      <c r="I60" s="11">
        <v>0</v>
      </c>
    </row>
    <row r="61" spans="1:9" x14ac:dyDescent="0.25">
      <c r="A61" s="2" t="s">
        <v>109</v>
      </c>
      <c r="B61" s="4" t="s">
        <v>702</v>
      </c>
      <c r="C61" s="12">
        <v>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1</v>
      </c>
      <c r="B62" s="4" t="s">
        <v>703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3</v>
      </c>
      <c r="B63" s="4" t="s">
        <v>704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5</v>
      </c>
      <c r="B64" s="4" t="s">
        <v>705</v>
      </c>
      <c r="C64" s="12">
        <v>2491695</v>
      </c>
      <c r="D64" s="12">
        <v>2314108.58</v>
      </c>
      <c r="E64" s="12">
        <v>0</v>
      </c>
      <c r="F64" s="12">
        <v>0</v>
      </c>
      <c r="G64" s="12">
        <v>0</v>
      </c>
      <c r="H64" s="12">
        <v>0</v>
      </c>
      <c r="I64" s="12">
        <v>0</v>
      </c>
    </row>
    <row r="65" spans="1:9" x14ac:dyDescent="0.25">
      <c r="A65" s="2" t="s">
        <v>117</v>
      </c>
      <c r="B65" s="4" t="s">
        <v>706</v>
      </c>
      <c r="C65" s="12">
        <v>361698100</v>
      </c>
      <c r="D65" s="12">
        <v>57279245.229999997</v>
      </c>
      <c r="E65" s="12">
        <v>56553840.950000003</v>
      </c>
      <c r="F65" s="12">
        <v>56553840.950000003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19</v>
      </c>
      <c r="B66" s="4" t="s">
        <v>707</v>
      </c>
      <c r="C66" s="12">
        <v>1826224887.3299999</v>
      </c>
      <c r="D66" s="12">
        <v>656696274.86000001</v>
      </c>
      <c r="E66" s="12">
        <v>299450137.33999997</v>
      </c>
      <c r="F66" s="12">
        <v>283625006.00999999</v>
      </c>
      <c r="G66" s="12">
        <v>5047894.96</v>
      </c>
      <c r="H66" s="12">
        <v>43368992.460000001</v>
      </c>
      <c r="I66" s="12">
        <v>41973072.07</v>
      </c>
    </row>
    <row r="67" spans="1:9" x14ac:dyDescent="0.25">
      <c r="A67" s="2" t="s">
        <v>120</v>
      </c>
      <c r="B67" s="4" t="s">
        <v>708</v>
      </c>
      <c r="C67" s="12">
        <v>2181550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1</v>
      </c>
      <c r="B68" s="5" t="s">
        <v>709</v>
      </c>
      <c r="C68" s="11">
        <v>13570471727.530001</v>
      </c>
      <c r="D68" s="11">
        <v>5610727407.2399998</v>
      </c>
      <c r="E68" s="11">
        <v>4222293235.0599999</v>
      </c>
      <c r="F68" s="11">
        <v>3745786122.7600002</v>
      </c>
      <c r="G68" s="11">
        <v>262930439.28</v>
      </c>
      <c r="H68" s="11">
        <v>162448986.69999999</v>
      </c>
      <c r="I68" s="11">
        <v>153231718.09999999</v>
      </c>
    </row>
    <row r="70" spans="1:9" x14ac:dyDescent="0.25">
      <c r="A70" s="10" t="s">
        <v>6</v>
      </c>
      <c r="B70" s="10" t="s">
        <v>710</v>
      </c>
      <c r="C70" s="10" t="s">
        <v>711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2</v>
      </c>
      <c r="B72" s="4" t="s">
        <v>712</v>
      </c>
      <c r="C72" s="12">
        <v>440088505.27999997</v>
      </c>
    </row>
    <row r="74" spans="1:9" x14ac:dyDescent="0.25">
      <c r="A74" s="10" t="s">
        <v>6</v>
      </c>
      <c r="B74" s="10" t="s">
        <v>713</v>
      </c>
      <c r="C74" s="10" t="s">
        <v>714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3</v>
      </c>
      <c r="B76" s="4" t="s">
        <v>715</v>
      </c>
      <c r="C76" s="12">
        <v>799683900</v>
      </c>
    </row>
    <row r="78" spans="1:9" ht="21" x14ac:dyDescent="0.25">
      <c r="A78" s="10" t="s">
        <v>6</v>
      </c>
      <c r="B78" s="10" t="s">
        <v>716</v>
      </c>
      <c r="C78" s="1" t="s">
        <v>559</v>
      </c>
    </row>
    <row r="79" spans="1:9" ht="21" x14ac:dyDescent="0.25">
      <c r="A79" s="10" t="s">
        <v>7</v>
      </c>
      <c r="B79" s="10" t="s">
        <v>7</v>
      </c>
      <c r="C79" s="1" t="s">
        <v>717</v>
      </c>
    </row>
    <row r="80" spans="1:9" x14ac:dyDescent="0.25">
      <c r="A80" s="2" t="s">
        <v>124</v>
      </c>
      <c r="B80" s="4" t="s">
        <v>718</v>
      </c>
      <c r="C80" s="12">
        <v>48769911.369999997</v>
      </c>
    </row>
    <row r="81" spans="1:4" x14ac:dyDescent="0.25">
      <c r="A81" s="2" t="s">
        <v>125</v>
      </c>
      <c r="B81" s="4" t="s">
        <v>719</v>
      </c>
      <c r="C81" s="12">
        <v>146916003.16999999</v>
      </c>
    </row>
    <row r="83" spans="1:4" x14ac:dyDescent="0.25">
      <c r="A83" s="10" t="s">
        <v>6</v>
      </c>
      <c r="B83" s="10" t="s">
        <v>720</v>
      </c>
      <c r="C83" s="10" t="s">
        <v>717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6</v>
      </c>
      <c r="B85" s="4" t="s">
        <v>721</v>
      </c>
      <c r="C85" s="12">
        <v>341942413.48000002</v>
      </c>
    </row>
    <row r="87" spans="1:4" x14ac:dyDescent="0.25">
      <c r="A87" s="10" t="s">
        <v>6</v>
      </c>
      <c r="B87" s="10" t="s">
        <v>722</v>
      </c>
      <c r="C87" s="10" t="s">
        <v>714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7</v>
      </c>
      <c r="B89" s="4" t="s">
        <v>715</v>
      </c>
      <c r="C89" s="12">
        <v>285304200</v>
      </c>
    </row>
    <row r="91" spans="1:4" x14ac:dyDescent="0.25">
      <c r="A91" s="10" t="s">
        <v>6</v>
      </c>
      <c r="B91" s="10" t="s">
        <v>723</v>
      </c>
      <c r="C91" s="10" t="s">
        <v>724</v>
      </c>
      <c r="D91" s="10" t="s">
        <v>724</v>
      </c>
    </row>
    <row r="92" spans="1:4" ht="21" x14ac:dyDescent="0.25">
      <c r="A92" s="10" t="s">
        <v>7</v>
      </c>
      <c r="B92" s="10" t="s">
        <v>7</v>
      </c>
      <c r="C92" s="1" t="s">
        <v>725</v>
      </c>
      <c r="D92" s="1" t="s">
        <v>371</v>
      </c>
    </row>
    <row r="93" spans="1:4" x14ac:dyDescent="0.25">
      <c r="A93" s="2" t="s">
        <v>129</v>
      </c>
      <c r="B93" s="4" t="s">
        <v>726</v>
      </c>
      <c r="C93" s="12">
        <v>9026509619.5300007</v>
      </c>
      <c r="D93" s="12">
        <v>9411665696.6100006</v>
      </c>
    </row>
    <row r="94" spans="1:4" x14ac:dyDescent="0.25">
      <c r="A94" s="3" t="s">
        <v>131</v>
      </c>
      <c r="B94" s="5" t="s">
        <v>727</v>
      </c>
      <c r="C94" s="11">
        <v>1690332946.6600001</v>
      </c>
      <c r="D94" s="11">
        <v>2564426238.3200002</v>
      </c>
    </row>
    <row r="95" spans="1:4" x14ac:dyDescent="0.25">
      <c r="A95" s="3" t="s">
        <v>133</v>
      </c>
      <c r="B95" s="5" t="s">
        <v>728</v>
      </c>
      <c r="C95" s="11">
        <v>1403225570.4000001</v>
      </c>
      <c r="D95" s="11">
        <v>2261033781.0999999</v>
      </c>
    </row>
    <row r="96" spans="1:4" x14ac:dyDescent="0.25">
      <c r="A96" s="2" t="s">
        <v>135</v>
      </c>
      <c r="B96" s="4" t="s">
        <v>729</v>
      </c>
      <c r="C96" s="12">
        <v>1781205968.45</v>
      </c>
      <c r="D96" s="12">
        <v>2373340137.7199998</v>
      </c>
    </row>
    <row r="97" spans="1:4" x14ac:dyDescent="0.25">
      <c r="A97" s="2" t="s">
        <v>137</v>
      </c>
      <c r="B97" s="4" t="s">
        <v>730</v>
      </c>
      <c r="C97" s="12">
        <v>377980398.05000001</v>
      </c>
      <c r="D97" s="12">
        <v>112306356.62</v>
      </c>
    </row>
    <row r="98" spans="1:4" x14ac:dyDescent="0.25">
      <c r="A98" s="2" t="s">
        <v>139</v>
      </c>
      <c r="B98" s="4" t="s">
        <v>731</v>
      </c>
      <c r="C98" s="12">
        <v>287107376.25999999</v>
      </c>
      <c r="D98" s="12">
        <v>303392457.22000003</v>
      </c>
    </row>
    <row r="99" spans="1:4" x14ac:dyDescent="0.25">
      <c r="A99" s="3" t="s">
        <v>141</v>
      </c>
      <c r="B99" s="5" t="s">
        <v>732</v>
      </c>
      <c r="C99" s="11">
        <v>7336176672.8699999</v>
      </c>
      <c r="D99" s="11">
        <v>6847239458.29</v>
      </c>
    </row>
    <row r="101" spans="1:4" x14ac:dyDescent="0.25">
      <c r="A101" s="10" t="s">
        <v>6</v>
      </c>
      <c r="B101" s="10" t="s">
        <v>733</v>
      </c>
      <c r="C101" s="10" t="s">
        <v>734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2" t="s">
        <v>143</v>
      </c>
      <c r="B103" s="4" t="s">
        <v>735</v>
      </c>
      <c r="C103" s="12">
        <v>488937214.57999998</v>
      </c>
    </row>
    <row r="105" spans="1:4" x14ac:dyDescent="0.25">
      <c r="A105" s="10" t="s">
        <v>6</v>
      </c>
      <c r="B105" s="10" t="s">
        <v>736</v>
      </c>
      <c r="C105" s="10" t="s">
        <v>734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2" t="s">
        <v>145</v>
      </c>
      <c r="B107" s="4" t="s">
        <v>737</v>
      </c>
      <c r="C107" s="12">
        <v>265674041.43000001</v>
      </c>
    </row>
    <row r="108" spans="1:4" x14ac:dyDescent="0.25">
      <c r="A108" s="2" t="s">
        <v>147</v>
      </c>
      <c r="B108" s="4" t="s">
        <v>738</v>
      </c>
      <c r="C108" s="12">
        <v>0</v>
      </c>
    </row>
    <row r="109" spans="1:4" x14ac:dyDescent="0.25">
      <c r="A109" s="2" t="s">
        <v>149</v>
      </c>
      <c r="B109" s="4" t="s">
        <v>739</v>
      </c>
      <c r="C109" s="12">
        <v>8056259.4500000002</v>
      </c>
    </row>
    <row r="110" spans="1:4" x14ac:dyDescent="0.25">
      <c r="A110" s="2" t="s">
        <v>151</v>
      </c>
      <c r="B110" s="4" t="s">
        <v>740</v>
      </c>
      <c r="C110" s="12">
        <v>-448044986.13999999</v>
      </c>
    </row>
    <row r="111" spans="1:4" x14ac:dyDescent="0.25">
      <c r="A111" s="2" t="s">
        <v>152</v>
      </c>
      <c r="B111" s="4" t="s">
        <v>741</v>
      </c>
      <c r="C111" s="12">
        <v>70656364.260000005</v>
      </c>
    </row>
    <row r="112" spans="1:4" x14ac:dyDescent="0.25">
      <c r="A112" s="2" t="s">
        <v>153</v>
      </c>
      <c r="B112" s="4" t="s">
        <v>742</v>
      </c>
      <c r="C112" s="12">
        <v>0</v>
      </c>
    </row>
    <row r="113" spans="1:8" x14ac:dyDescent="0.25">
      <c r="A113" s="2" t="s">
        <v>155</v>
      </c>
      <c r="B113" s="4" t="s">
        <v>743</v>
      </c>
      <c r="C113" s="12">
        <v>0</v>
      </c>
    </row>
    <row r="114" spans="1:8" x14ac:dyDescent="0.25">
      <c r="A114" s="2" t="s">
        <v>157</v>
      </c>
      <c r="B114" s="4" t="s">
        <v>744</v>
      </c>
      <c r="C114" s="12">
        <v>-287381917.80000001</v>
      </c>
    </row>
    <row r="116" spans="1:8" x14ac:dyDescent="0.25">
      <c r="A116" s="10" t="s">
        <v>6</v>
      </c>
      <c r="B116" s="10" t="s">
        <v>745</v>
      </c>
      <c r="C116" s="10" t="s">
        <v>598</v>
      </c>
    </row>
    <row r="117" spans="1:8" x14ac:dyDescent="0.25">
      <c r="A117" s="10" t="s">
        <v>7</v>
      </c>
      <c r="B117" s="10" t="s">
        <v>7</v>
      </c>
      <c r="C117" s="10" t="s">
        <v>7</v>
      </c>
    </row>
    <row r="118" spans="1:8" x14ac:dyDescent="0.25">
      <c r="A118" s="2" t="s">
        <v>159</v>
      </c>
      <c r="B118" s="4" t="s">
        <v>746</v>
      </c>
      <c r="C118" s="12">
        <v>-189235826</v>
      </c>
    </row>
    <row r="120" spans="1:8" x14ac:dyDescent="0.25">
      <c r="A120" s="10" t="s">
        <v>6</v>
      </c>
      <c r="B120" s="10" t="s">
        <v>747</v>
      </c>
      <c r="C120" s="10" t="s">
        <v>598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3" t="s">
        <v>161</v>
      </c>
      <c r="B122" s="5" t="s">
        <v>748</v>
      </c>
      <c r="C122" s="11">
        <v>89493493.650000006</v>
      </c>
    </row>
    <row r="123" spans="1:8" x14ac:dyDescent="0.25">
      <c r="A123" s="2" t="s">
        <v>163</v>
      </c>
      <c r="B123" s="4" t="s">
        <v>162</v>
      </c>
      <c r="C123" s="12">
        <v>0</v>
      </c>
    </row>
    <row r="124" spans="1:8" x14ac:dyDescent="0.25">
      <c r="A124" s="2" t="s">
        <v>176</v>
      </c>
      <c r="B124" s="4" t="s">
        <v>749</v>
      </c>
      <c r="C124" s="12">
        <v>89493493.650000006</v>
      </c>
    </row>
    <row r="125" spans="1:8" x14ac:dyDescent="0.25">
      <c r="A125" s="2" t="s">
        <v>178</v>
      </c>
      <c r="B125" s="4" t="s">
        <v>600</v>
      </c>
      <c r="C125" s="12">
        <v>0</v>
      </c>
    </row>
    <row r="127" spans="1:8" x14ac:dyDescent="0.25">
      <c r="A127" s="10" t="s">
        <v>6</v>
      </c>
      <c r="B127" s="10" t="s">
        <v>750</v>
      </c>
      <c r="C127" s="10" t="s">
        <v>168</v>
      </c>
      <c r="D127" s="10" t="s">
        <v>7</v>
      </c>
      <c r="E127" s="10" t="s">
        <v>172</v>
      </c>
      <c r="F127" s="10" t="s">
        <v>7</v>
      </c>
      <c r="G127" s="10" t="s">
        <v>753</v>
      </c>
      <c r="H127" s="10" t="s">
        <v>753</v>
      </c>
    </row>
    <row r="128" spans="1:8" ht="31.5" x14ac:dyDescent="0.25">
      <c r="A128" s="10" t="s">
        <v>7</v>
      </c>
      <c r="B128" s="10" t="s">
        <v>7</v>
      </c>
      <c r="C128" s="1" t="s">
        <v>751</v>
      </c>
      <c r="D128" s="1" t="s">
        <v>752</v>
      </c>
      <c r="E128" s="1" t="s">
        <v>751</v>
      </c>
      <c r="F128" s="1" t="s">
        <v>752</v>
      </c>
      <c r="G128" s="1" t="s">
        <v>751</v>
      </c>
      <c r="H128" s="1" t="s">
        <v>752</v>
      </c>
    </row>
    <row r="129" spans="1:8" x14ac:dyDescent="0.25">
      <c r="A129" s="3" t="s">
        <v>180</v>
      </c>
      <c r="B129" s="5" t="s">
        <v>754</v>
      </c>
      <c r="C129" s="11">
        <v>9733880532.7399998</v>
      </c>
      <c r="D129" s="11">
        <v>5840157840.7600002</v>
      </c>
      <c r="E129" s="11">
        <v>7877589689.6300001</v>
      </c>
      <c r="F129" s="11">
        <v>4692520332.9499998</v>
      </c>
      <c r="G129" s="11">
        <v>0</v>
      </c>
      <c r="H129" s="11">
        <v>0</v>
      </c>
    </row>
    <row r="130" spans="1:8" x14ac:dyDescent="0.25">
      <c r="A130" s="2" t="s">
        <v>182</v>
      </c>
      <c r="B130" s="4" t="s">
        <v>693</v>
      </c>
      <c r="C130" s="12">
        <v>0</v>
      </c>
      <c r="D130" s="12">
        <v>4298654964.8000002</v>
      </c>
      <c r="E130" s="12">
        <v>0</v>
      </c>
      <c r="F130" s="12">
        <v>3648173206.0700002</v>
      </c>
      <c r="G130" s="12">
        <v>0</v>
      </c>
      <c r="H130" s="12">
        <v>0</v>
      </c>
    </row>
    <row r="131" spans="1:8" x14ac:dyDescent="0.25">
      <c r="A131" s="2" t="s">
        <v>184</v>
      </c>
      <c r="B131" s="4" t="s">
        <v>755</v>
      </c>
      <c r="C131" s="12">
        <v>5717751627.5</v>
      </c>
      <c r="D131" s="12">
        <v>84232253.209999993</v>
      </c>
      <c r="E131" s="12">
        <v>4548698916.5299997</v>
      </c>
      <c r="F131" s="12">
        <v>78128677.680000007</v>
      </c>
      <c r="G131" s="12">
        <v>0</v>
      </c>
      <c r="H131" s="12">
        <v>0</v>
      </c>
    </row>
    <row r="132" spans="1:8" x14ac:dyDescent="0.25">
      <c r="A132" s="2" t="s">
        <v>186</v>
      </c>
      <c r="B132" s="4" t="s">
        <v>695</v>
      </c>
      <c r="C132" s="12">
        <v>4016128905.2399998</v>
      </c>
      <c r="D132" s="12">
        <v>1457270622.75</v>
      </c>
      <c r="E132" s="12">
        <v>3328890773.0999999</v>
      </c>
      <c r="F132" s="12">
        <v>966218449.20000005</v>
      </c>
      <c r="G132" s="12">
        <v>0</v>
      </c>
      <c r="H132" s="12">
        <v>0</v>
      </c>
    </row>
    <row r="133" spans="1:8" x14ac:dyDescent="0.25">
      <c r="A133" s="2" t="s">
        <v>188</v>
      </c>
      <c r="B133" s="4" t="s">
        <v>756</v>
      </c>
      <c r="C133" s="12">
        <v>4016128905.2399998</v>
      </c>
      <c r="D133" s="12">
        <v>5755925587.5500002</v>
      </c>
      <c r="E133" s="12">
        <v>3328890773.0999999</v>
      </c>
      <c r="F133" s="12">
        <v>4614391655.2700005</v>
      </c>
      <c r="G133" s="12">
        <v>0</v>
      </c>
      <c r="H133" s="12">
        <v>0</v>
      </c>
    </row>
    <row r="134" spans="1:8" x14ac:dyDescent="0.25">
      <c r="A134" s="2" t="s">
        <v>190</v>
      </c>
      <c r="B134" s="4" t="s">
        <v>757</v>
      </c>
      <c r="C134" s="12">
        <v>1579579751.45</v>
      </c>
      <c r="D134" s="12">
        <v>70000000</v>
      </c>
      <c r="E134" s="12">
        <v>1099032275.1700001</v>
      </c>
      <c r="F134" s="12">
        <v>70000000</v>
      </c>
      <c r="G134" s="12">
        <v>0</v>
      </c>
      <c r="H134" s="12">
        <v>0</v>
      </c>
    </row>
    <row r="135" spans="1:8" x14ac:dyDescent="0.25">
      <c r="A135" s="2" t="s">
        <v>192</v>
      </c>
      <c r="B135" s="4" t="s">
        <v>758</v>
      </c>
      <c r="C135" s="12">
        <v>5595708656.6899996</v>
      </c>
      <c r="D135" s="12">
        <v>39385037.609999999</v>
      </c>
      <c r="E135" s="12">
        <v>4427923048.2700005</v>
      </c>
      <c r="F135" s="12">
        <v>37070616.780000001</v>
      </c>
      <c r="G135" s="12">
        <v>0</v>
      </c>
      <c r="H135" s="12">
        <v>0</v>
      </c>
    </row>
    <row r="136" spans="1:8" x14ac:dyDescent="0.25">
      <c r="A136" s="2" t="s">
        <v>194</v>
      </c>
      <c r="B136" s="4" t="s">
        <v>759</v>
      </c>
      <c r="C136" s="12">
        <v>-3159159502.9000001</v>
      </c>
      <c r="D136" s="12">
        <v>5646540549.9399996</v>
      </c>
      <c r="E136" s="12">
        <v>-2198064550.3400002</v>
      </c>
      <c r="F136" s="12">
        <v>4507321038.4899998</v>
      </c>
      <c r="G136" s="12">
        <v>0</v>
      </c>
      <c r="H136" s="12">
        <v>0</v>
      </c>
    </row>
  </sheetData>
  <mergeCells count="48">
    <mergeCell ref="A127:A128"/>
    <mergeCell ref="B127:B128"/>
    <mergeCell ref="C127:D127"/>
    <mergeCell ref="E127:F127"/>
    <mergeCell ref="G127:H127"/>
    <mergeCell ref="A116:A117"/>
    <mergeCell ref="B116:B117"/>
    <mergeCell ref="C116:C117"/>
    <mergeCell ref="A120:A121"/>
    <mergeCell ref="B120:B121"/>
    <mergeCell ref="C120:C121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6" bestFit="1" customWidth="1"/>
    <col min="7" max="7" width="17.28515625" bestFit="1" customWidth="1"/>
    <col min="8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76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76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762</v>
      </c>
      <c r="C10" s="10" t="s">
        <v>763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68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75</v>
      </c>
    </row>
    <row r="11" spans="1:14" ht="63" x14ac:dyDescent="0.25">
      <c r="A11" s="10" t="s">
        <v>7</v>
      </c>
      <c r="B11" s="10" t="s">
        <v>7</v>
      </c>
      <c r="C11" s="1" t="s">
        <v>764</v>
      </c>
      <c r="D11" s="1" t="s">
        <v>765</v>
      </c>
      <c r="E11" s="1" t="s">
        <v>692</v>
      </c>
      <c r="F11" s="1" t="s">
        <v>766</v>
      </c>
      <c r="G11" s="1" t="s">
        <v>767</v>
      </c>
      <c r="H11" s="1" t="s">
        <v>769</v>
      </c>
      <c r="I11" s="1" t="s">
        <v>770</v>
      </c>
      <c r="J11" s="1" t="s">
        <v>771</v>
      </c>
      <c r="K11" s="1" t="s">
        <v>772</v>
      </c>
      <c r="L11" s="1" t="s">
        <v>773</v>
      </c>
      <c r="M11" s="1" t="s">
        <v>774</v>
      </c>
      <c r="N11" s="10" t="s">
        <v>7</v>
      </c>
    </row>
    <row r="12" spans="1:14" x14ac:dyDescent="0.25">
      <c r="A12" s="3" t="s">
        <v>17</v>
      </c>
      <c r="B12" s="5" t="s">
        <v>776</v>
      </c>
      <c r="C12" s="11">
        <v>78474590.549999997</v>
      </c>
      <c r="D12" s="11">
        <v>300377250.14999998</v>
      </c>
      <c r="E12" s="11">
        <v>262930439.28</v>
      </c>
      <c r="F12" s="11">
        <v>11947471.779999999</v>
      </c>
      <c r="G12" s="11">
        <v>103973929.64</v>
      </c>
      <c r="H12" s="11">
        <v>65321949.969999999</v>
      </c>
      <c r="I12" s="11">
        <v>343240144.10000002</v>
      </c>
      <c r="J12" s="11">
        <v>162448986.69999999</v>
      </c>
      <c r="K12" s="11">
        <v>153231718.09999999</v>
      </c>
      <c r="L12" s="11">
        <v>31561400.510000002</v>
      </c>
      <c r="M12" s="11">
        <v>223768975.46000001</v>
      </c>
      <c r="N12" s="11">
        <v>327742905.10000002</v>
      </c>
    </row>
    <row r="13" spans="1:14" x14ac:dyDescent="0.25">
      <c r="A13" s="2" t="s">
        <v>19</v>
      </c>
      <c r="B13" s="4" t="s">
        <v>777</v>
      </c>
      <c r="C13" s="12">
        <v>67880530.090000004</v>
      </c>
      <c r="D13" s="12">
        <v>267676995.5</v>
      </c>
      <c r="E13" s="12">
        <v>219636124.16999999</v>
      </c>
      <c r="F13" s="12">
        <v>11947471.779999999</v>
      </c>
      <c r="G13" s="12">
        <v>103973929.64</v>
      </c>
      <c r="H13" s="12">
        <v>63385827.140000001</v>
      </c>
      <c r="I13" s="12">
        <v>294394870.76999998</v>
      </c>
      <c r="J13" s="12">
        <v>135238658.63</v>
      </c>
      <c r="K13" s="12">
        <v>126022390.03</v>
      </c>
      <c r="L13" s="12">
        <v>23041663.039999999</v>
      </c>
      <c r="M13" s="12">
        <v>208716644.84</v>
      </c>
      <c r="N13" s="12">
        <v>312690574.48000002</v>
      </c>
    </row>
    <row r="14" spans="1:14" x14ac:dyDescent="0.25">
      <c r="A14" s="3" t="s">
        <v>21</v>
      </c>
      <c r="B14" s="5" t="s">
        <v>778</v>
      </c>
      <c r="C14" s="11">
        <v>9767796.5399999991</v>
      </c>
      <c r="D14" s="11">
        <v>728055.26</v>
      </c>
      <c r="E14" s="11">
        <v>10495851.800000001</v>
      </c>
      <c r="F14" s="11">
        <v>0</v>
      </c>
      <c r="G14" s="11">
        <v>0</v>
      </c>
      <c r="H14" s="11">
        <v>1936122.83</v>
      </c>
      <c r="I14" s="11">
        <v>2272008.11</v>
      </c>
      <c r="J14" s="11">
        <v>2655208.65</v>
      </c>
      <c r="K14" s="11">
        <v>2655208.65</v>
      </c>
      <c r="L14" s="11">
        <v>1325936.0900000001</v>
      </c>
      <c r="M14" s="11">
        <v>226986.2</v>
      </c>
      <c r="N14" s="11">
        <v>226986.2</v>
      </c>
    </row>
    <row r="15" spans="1:14" x14ac:dyDescent="0.25">
      <c r="A15" s="2" t="s">
        <v>23</v>
      </c>
      <c r="B15" s="4" t="s">
        <v>779</v>
      </c>
      <c r="C15" s="12">
        <v>9767796.5399999991</v>
      </c>
      <c r="D15" s="12">
        <v>0</v>
      </c>
      <c r="E15" s="12">
        <v>9767796.5399999991</v>
      </c>
      <c r="F15" s="12">
        <v>0</v>
      </c>
      <c r="G15" s="12">
        <v>0</v>
      </c>
      <c r="H15" s="12">
        <v>1936122.83</v>
      </c>
      <c r="I15" s="12">
        <v>0</v>
      </c>
      <c r="J15" s="12">
        <v>789214.66</v>
      </c>
      <c r="K15" s="12">
        <v>789214.66</v>
      </c>
      <c r="L15" s="12">
        <v>1146908.17</v>
      </c>
      <c r="M15" s="12">
        <v>0</v>
      </c>
      <c r="N15" s="12">
        <v>0</v>
      </c>
    </row>
    <row r="16" spans="1:14" x14ac:dyDescent="0.25">
      <c r="A16" s="2" t="s">
        <v>25</v>
      </c>
      <c r="B16" s="4" t="s">
        <v>780</v>
      </c>
      <c r="C16" s="12">
        <v>0</v>
      </c>
      <c r="D16" s="12">
        <v>727043.59</v>
      </c>
      <c r="E16" s="12">
        <v>727043.59</v>
      </c>
      <c r="F16" s="12">
        <v>0</v>
      </c>
      <c r="G16" s="12">
        <v>0</v>
      </c>
      <c r="H16" s="12">
        <v>0</v>
      </c>
      <c r="I16" s="12">
        <v>2267312.21</v>
      </c>
      <c r="J16" s="12">
        <v>1861308.99</v>
      </c>
      <c r="K16" s="12">
        <v>1861308.99</v>
      </c>
      <c r="L16" s="12">
        <v>179017.02</v>
      </c>
      <c r="M16" s="12">
        <v>226986.2</v>
      </c>
      <c r="N16" s="12">
        <v>226986.2</v>
      </c>
    </row>
    <row r="17" spans="1:14" x14ac:dyDescent="0.25">
      <c r="A17" s="2" t="s">
        <v>27</v>
      </c>
      <c r="B17" s="4" t="s">
        <v>781</v>
      </c>
      <c r="C17" s="12">
        <v>0</v>
      </c>
      <c r="D17" s="12">
        <v>1011.67</v>
      </c>
      <c r="E17" s="12">
        <v>1011.67</v>
      </c>
      <c r="F17" s="12">
        <v>0</v>
      </c>
      <c r="G17" s="12">
        <v>0</v>
      </c>
      <c r="H17" s="12">
        <v>0</v>
      </c>
      <c r="I17" s="12">
        <v>4695.8999999999996</v>
      </c>
      <c r="J17" s="12">
        <v>4685</v>
      </c>
      <c r="K17" s="12">
        <v>4685</v>
      </c>
      <c r="L17" s="12">
        <v>10.9</v>
      </c>
      <c r="M17" s="12">
        <v>0</v>
      </c>
      <c r="N17" s="12">
        <v>0</v>
      </c>
    </row>
    <row r="18" spans="1:14" x14ac:dyDescent="0.25">
      <c r="A18" s="3" t="s">
        <v>29</v>
      </c>
      <c r="B18" s="5" t="s">
        <v>782</v>
      </c>
      <c r="C18" s="11">
        <v>0</v>
      </c>
      <c r="D18" s="11">
        <v>31487734.809999999</v>
      </c>
      <c r="E18" s="11">
        <v>31487734.809999999</v>
      </c>
      <c r="F18" s="11">
        <v>0</v>
      </c>
      <c r="G18" s="11">
        <v>0</v>
      </c>
      <c r="H18" s="11">
        <v>0</v>
      </c>
      <c r="I18" s="11">
        <v>20106935.5</v>
      </c>
      <c r="J18" s="11">
        <v>10977477.619999999</v>
      </c>
      <c r="K18" s="11">
        <v>10977477.619999999</v>
      </c>
      <c r="L18" s="11">
        <v>6853021.1799999997</v>
      </c>
      <c r="M18" s="11">
        <v>2276436.7000000002</v>
      </c>
      <c r="N18" s="11">
        <v>2276436.7000000002</v>
      </c>
    </row>
    <row r="19" spans="1:14" x14ac:dyDescent="0.25">
      <c r="A19" s="2" t="s">
        <v>31</v>
      </c>
      <c r="B19" s="4" t="s">
        <v>783</v>
      </c>
      <c r="C19" s="12">
        <v>0</v>
      </c>
      <c r="D19" s="12">
        <v>29873909.530000001</v>
      </c>
      <c r="E19" s="12">
        <v>29873909.530000001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</row>
    <row r="20" spans="1:14" x14ac:dyDescent="0.25">
      <c r="A20" s="2" t="s">
        <v>33</v>
      </c>
      <c r="B20" s="4" t="s">
        <v>784</v>
      </c>
      <c r="C20" s="12">
        <v>0</v>
      </c>
      <c r="D20" s="12">
        <v>1613825.28</v>
      </c>
      <c r="E20" s="12">
        <v>1613825.28</v>
      </c>
      <c r="F20" s="12">
        <v>0</v>
      </c>
      <c r="G20" s="12">
        <v>0</v>
      </c>
      <c r="H20" s="12">
        <v>0</v>
      </c>
      <c r="I20" s="12">
        <v>20106935.5</v>
      </c>
      <c r="J20" s="12">
        <v>10977477.619999999</v>
      </c>
      <c r="K20" s="12">
        <v>10977477.619999999</v>
      </c>
      <c r="L20" s="12">
        <v>6853021.1799999997</v>
      </c>
      <c r="M20" s="12">
        <v>2276436.7000000002</v>
      </c>
      <c r="N20" s="12">
        <v>2276436.7000000002</v>
      </c>
    </row>
    <row r="21" spans="1:14" x14ac:dyDescent="0.25">
      <c r="A21" s="3" t="s">
        <v>35</v>
      </c>
      <c r="B21" s="5" t="s">
        <v>785</v>
      </c>
      <c r="C21" s="11">
        <v>826263.92</v>
      </c>
      <c r="D21" s="11">
        <v>68113.03</v>
      </c>
      <c r="E21" s="11">
        <v>894376.95</v>
      </c>
      <c r="F21" s="11">
        <v>0</v>
      </c>
      <c r="G21" s="11">
        <v>0</v>
      </c>
      <c r="H21" s="11">
        <v>0</v>
      </c>
      <c r="I21" s="11">
        <v>25096110.82</v>
      </c>
      <c r="J21" s="11">
        <v>12614488.52</v>
      </c>
      <c r="K21" s="11">
        <v>12613488.52</v>
      </c>
      <c r="L21" s="11">
        <v>200564.93</v>
      </c>
      <c r="M21" s="11">
        <v>12282057.369999999</v>
      </c>
      <c r="N21" s="11">
        <v>12282057.369999999</v>
      </c>
    </row>
    <row r="22" spans="1:14" x14ac:dyDescent="0.25">
      <c r="A22" s="2" t="s">
        <v>37</v>
      </c>
      <c r="B22" s="4" t="s">
        <v>786</v>
      </c>
      <c r="C22" s="12">
        <v>826263.92</v>
      </c>
      <c r="D22" s="12">
        <v>68113.03</v>
      </c>
      <c r="E22" s="12">
        <v>894376.95</v>
      </c>
      <c r="F22" s="12">
        <v>0</v>
      </c>
      <c r="G22" s="12">
        <v>0</v>
      </c>
      <c r="H22" s="12">
        <v>0</v>
      </c>
      <c r="I22" s="12">
        <v>18097062.329999998</v>
      </c>
      <c r="J22" s="12">
        <v>7860336.7800000003</v>
      </c>
      <c r="K22" s="12">
        <v>7859336.7800000003</v>
      </c>
      <c r="L22" s="12">
        <v>184989.8</v>
      </c>
      <c r="M22" s="12">
        <v>10052735.75</v>
      </c>
      <c r="N22" s="12">
        <v>10052735.75</v>
      </c>
    </row>
    <row r="23" spans="1:14" x14ac:dyDescent="0.25">
      <c r="A23" s="2" t="s">
        <v>39</v>
      </c>
      <c r="B23" s="4" t="s">
        <v>787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6999048.4900000002</v>
      </c>
      <c r="J23" s="12">
        <v>4754151.74</v>
      </c>
      <c r="K23" s="12">
        <v>4754151.74</v>
      </c>
      <c r="L23" s="12">
        <v>15575.13</v>
      </c>
      <c r="M23" s="12">
        <v>2229321.62</v>
      </c>
      <c r="N23" s="12">
        <v>2229321.62</v>
      </c>
    </row>
    <row r="24" spans="1:14" x14ac:dyDescent="0.25">
      <c r="A24" s="2" t="s">
        <v>41</v>
      </c>
      <c r="B24" s="4" t="s">
        <v>788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3</v>
      </c>
      <c r="B25" s="4" t="s">
        <v>789</v>
      </c>
      <c r="C25" s="12">
        <v>0</v>
      </c>
      <c r="D25" s="12">
        <v>416351.55</v>
      </c>
      <c r="E25" s="12">
        <v>416351.55</v>
      </c>
      <c r="F25" s="12">
        <v>0</v>
      </c>
      <c r="G25" s="12">
        <v>0</v>
      </c>
      <c r="H25" s="12">
        <v>0</v>
      </c>
      <c r="I25" s="12">
        <v>1370218.9</v>
      </c>
      <c r="J25" s="12">
        <v>963153.28</v>
      </c>
      <c r="K25" s="12">
        <v>963153.28</v>
      </c>
      <c r="L25" s="12">
        <v>140215.26999999999</v>
      </c>
      <c r="M25" s="12">
        <v>266850.34999999998</v>
      </c>
      <c r="N25" s="12">
        <v>266850.34999999998</v>
      </c>
    </row>
    <row r="26" spans="1:14" x14ac:dyDescent="0.25">
      <c r="A26" s="3" t="s">
        <v>45</v>
      </c>
      <c r="B26" s="5" t="s">
        <v>790</v>
      </c>
      <c r="C26" s="11">
        <v>6062424.9100000001</v>
      </c>
      <c r="D26" s="11">
        <v>155904262.16</v>
      </c>
      <c r="E26" s="11">
        <v>153247217.55000001</v>
      </c>
      <c r="F26" s="11">
        <v>35806.769999999997</v>
      </c>
      <c r="G26" s="11">
        <v>8683662.75</v>
      </c>
      <c r="H26" s="11">
        <v>0</v>
      </c>
      <c r="I26" s="11">
        <v>4220</v>
      </c>
      <c r="J26" s="11">
        <v>1266</v>
      </c>
      <c r="K26" s="11">
        <v>0</v>
      </c>
      <c r="L26" s="11">
        <v>0</v>
      </c>
      <c r="M26" s="11">
        <v>4220</v>
      </c>
      <c r="N26" s="11">
        <v>8687882.75</v>
      </c>
    </row>
    <row r="27" spans="1:14" x14ac:dyDescent="0.25">
      <c r="A27" s="2" t="s">
        <v>47</v>
      </c>
      <c r="B27" s="4" t="s">
        <v>791</v>
      </c>
      <c r="C27" s="12">
        <v>2490349.34</v>
      </c>
      <c r="D27" s="12">
        <v>138249991.24000001</v>
      </c>
      <c r="E27" s="12">
        <v>132020926.23999999</v>
      </c>
      <c r="F27" s="12">
        <v>35806.410000000003</v>
      </c>
      <c r="G27" s="12">
        <v>8683607.9299999997</v>
      </c>
      <c r="H27" s="12">
        <v>0</v>
      </c>
      <c r="I27" s="12">
        <v>4220</v>
      </c>
      <c r="J27" s="12">
        <v>1266</v>
      </c>
      <c r="K27" s="12">
        <v>0</v>
      </c>
      <c r="L27" s="12">
        <v>0</v>
      </c>
      <c r="M27" s="12">
        <v>4220</v>
      </c>
      <c r="N27" s="12">
        <v>8687827.9299999997</v>
      </c>
    </row>
    <row r="28" spans="1:14" x14ac:dyDescent="0.25">
      <c r="A28" s="3" t="s">
        <v>49</v>
      </c>
      <c r="B28" s="5" t="s">
        <v>792</v>
      </c>
      <c r="C28" s="11">
        <v>3572075.57</v>
      </c>
      <c r="D28" s="11">
        <v>213048.16</v>
      </c>
      <c r="E28" s="11">
        <v>3785123.73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779</v>
      </c>
      <c r="C29" s="12">
        <v>3572075.57</v>
      </c>
      <c r="D29" s="12">
        <v>0</v>
      </c>
      <c r="E29" s="12">
        <v>3572075.57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3</v>
      </c>
      <c r="B30" s="4" t="s">
        <v>780</v>
      </c>
      <c r="C30" s="12">
        <v>0</v>
      </c>
      <c r="D30" s="12">
        <v>213048.16</v>
      </c>
      <c r="E30" s="12">
        <v>213048.16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5</v>
      </c>
      <c r="B31" s="4" t="s">
        <v>781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7</v>
      </c>
      <c r="B32" s="5" t="s">
        <v>793</v>
      </c>
      <c r="C32" s="11">
        <v>0</v>
      </c>
      <c r="D32" s="11">
        <v>15175342.26</v>
      </c>
      <c r="E32" s="11">
        <v>15175287.08</v>
      </c>
      <c r="F32" s="11">
        <v>0.36</v>
      </c>
      <c r="G32" s="11">
        <v>54.82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54.82</v>
      </c>
    </row>
    <row r="33" spans="1:14" x14ac:dyDescent="0.25">
      <c r="A33" s="2" t="s">
        <v>59</v>
      </c>
      <c r="B33" s="4" t="s">
        <v>783</v>
      </c>
      <c r="C33" s="12">
        <v>0</v>
      </c>
      <c r="D33" s="12">
        <v>15175342.26</v>
      </c>
      <c r="E33" s="12">
        <v>15175287.08</v>
      </c>
      <c r="F33" s="12">
        <v>0.36</v>
      </c>
      <c r="G33" s="12">
        <v>54.82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54.82</v>
      </c>
    </row>
    <row r="34" spans="1:14" x14ac:dyDescent="0.25">
      <c r="A34" s="2" t="s">
        <v>61</v>
      </c>
      <c r="B34" s="4" t="s">
        <v>784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3</v>
      </c>
      <c r="B35" s="5" t="s">
        <v>785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786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7</v>
      </c>
      <c r="B37" s="4" t="s">
        <v>787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9</v>
      </c>
      <c r="B38" s="4" t="s">
        <v>788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1</v>
      </c>
      <c r="B39" s="4" t="s">
        <v>789</v>
      </c>
      <c r="C39" s="12">
        <v>0</v>
      </c>
      <c r="D39" s="12">
        <v>2265880.5</v>
      </c>
      <c r="E39" s="12">
        <v>2265880.5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3</v>
      </c>
      <c r="B40" s="5" t="s">
        <v>794</v>
      </c>
      <c r="C40" s="11">
        <v>84537015.459999993</v>
      </c>
      <c r="D40" s="11">
        <v>456281512.31</v>
      </c>
      <c r="E40" s="11">
        <v>416177656.82999998</v>
      </c>
      <c r="F40" s="11">
        <v>11983278.550000001</v>
      </c>
      <c r="G40" s="11">
        <v>112657592.39</v>
      </c>
      <c r="H40" s="11">
        <v>65321949.969999999</v>
      </c>
      <c r="I40" s="11">
        <v>343244364.10000002</v>
      </c>
      <c r="J40" s="11">
        <v>162450252.69999999</v>
      </c>
      <c r="K40" s="11">
        <v>153231718.09999999</v>
      </c>
      <c r="L40" s="11">
        <v>31561400.510000002</v>
      </c>
      <c r="M40" s="11">
        <v>223773195.46000001</v>
      </c>
      <c r="N40" s="11">
        <v>336430787.85000002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workbookViewId="0"/>
  </sheetViews>
  <sheetFormatPr defaultRowHeight="15" x14ac:dyDescent="0.25"/>
  <cols>
    <col min="1" max="1" width="3.28515625" bestFit="1" customWidth="1"/>
    <col min="2" max="2" width="117.140625" bestFit="1" customWidth="1"/>
    <col min="3" max="4" width="20.28515625" bestFit="1" customWidth="1"/>
    <col min="5" max="5" width="19.140625" bestFit="1" customWidth="1"/>
    <col min="6" max="6" width="15.85546875" bestFit="1" customWidth="1"/>
    <col min="7" max="7" width="17.28515625" bestFit="1" customWidth="1"/>
    <col min="8" max="8" width="16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795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796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797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1</v>
      </c>
      <c r="F11" s="1" t="s">
        <v>798</v>
      </c>
    </row>
    <row r="12" spans="1:8" x14ac:dyDescent="0.25">
      <c r="A12" s="3" t="s">
        <v>17</v>
      </c>
      <c r="B12" s="5" t="s">
        <v>799</v>
      </c>
      <c r="C12" s="11">
        <v>11668502000</v>
      </c>
      <c r="D12" s="11">
        <v>11668502000</v>
      </c>
      <c r="E12" s="11">
        <v>4114198494.1199999</v>
      </c>
      <c r="F12" s="11">
        <v>35.26</v>
      </c>
    </row>
    <row r="13" spans="1:8" x14ac:dyDescent="0.25">
      <c r="A13" s="3" t="s">
        <v>19</v>
      </c>
      <c r="B13" s="5" t="s">
        <v>800</v>
      </c>
      <c r="C13" s="11">
        <v>9799471900</v>
      </c>
      <c r="D13" s="11">
        <v>9799471900</v>
      </c>
      <c r="E13" s="11">
        <v>3266647512.1500001</v>
      </c>
      <c r="F13" s="11">
        <v>33.33</v>
      </c>
    </row>
    <row r="14" spans="1:8" x14ac:dyDescent="0.25">
      <c r="A14" s="2" t="s">
        <v>21</v>
      </c>
      <c r="B14" s="4" t="s">
        <v>801</v>
      </c>
      <c r="C14" s="12">
        <v>9616410000</v>
      </c>
      <c r="D14" s="12">
        <v>9616410000</v>
      </c>
      <c r="E14" s="12">
        <v>3142554394.21</v>
      </c>
      <c r="F14" s="12">
        <v>32.68</v>
      </c>
    </row>
    <row r="15" spans="1:8" x14ac:dyDescent="0.25">
      <c r="A15" s="2" t="s">
        <v>23</v>
      </c>
      <c r="B15" s="4" t="s">
        <v>802</v>
      </c>
      <c r="C15" s="12">
        <v>99100800</v>
      </c>
      <c r="D15" s="12">
        <v>99100800</v>
      </c>
      <c r="E15" s="12">
        <v>92953076.920000002</v>
      </c>
      <c r="F15" s="12">
        <v>93.8</v>
      </c>
    </row>
    <row r="16" spans="1:8" x14ac:dyDescent="0.25">
      <c r="A16" s="2" t="s">
        <v>25</v>
      </c>
      <c r="B16" s="4" t="s">
        <v>803</v>
      </c>
      <c r="C16" s="12">
        <v>83961100</v>
      </c>
      <c r="D16" s="12">
        <v>83961100</v>
      </c>
      <c r="E16" s="12">
        <v>31140041.02</v>
      </c>
      <c r="F16" s="12">
        <v>37.090000000000003</v>
      </c>
    </row>
    <row r="17" spans="1:6" x14ac:dyDescent="0.25">
      <c r="A17" s="3" t="s">
        <v>27</v>
      </c>
      <c r="B17" s="5" t="s">
        <v>804</v>
      </c>
      <c r="C17" s="11">
        <v>182447900</v>
      </c>
      <c r="D17" s="11">
        <v>182447900</v>
      </c>
      <c r="E17" s="11">
        <v>75333682.060000002</v>
      </c>
      <c r="F17" s="11">
        <v>41.29</v>
      </c>
    </row>
    <row r="18" spans="1:6" x14ac:dyDescent="0.25">
      <c r="A18" s="2" t="s">
        <v>29</v>
      </c>
      <c r="B18" s="4" t="s">
        <v>805</v>
      </c>
      <c r="C18" s="12">
        <v>182447900</v>
      </c>
      <c r="D18" s="12">
        <v>182447900</v>
      </c>
      <c r="E18" s="12">
        <v>74593070.650000006</v>
      </c>
      <c r="F18" s="12">
        <v>40.880000000000003</v>
      </c>
    </row>
    <row r="19" spans="1:6" x14ac:dyDescent="0.25">
      <c r="A19" s="2" t="s">
        <v>31</v>
      </c>
      <c r="B19" s="4" t="s">
        <v>806</v>
      </c>
      <c r="C19" s="12">
        <v>0</v>
      </c>
      <c r="D19" s="12">
        <v>0</v>
      </c>
      <c r="E19" s="12">
        <v>740611.41</v>
      </c>
      <c r="F19" s="12">
        <v>0</v>
      </c>
    </row>
    <row r="20" spans="1:6" x14ac:dyDescent="0.25">
      <c r="A20" s="3" t="s">
        <v>33</v>
      </c>
      <c r="B20" s="5" t="s">
        <v>807</v>
      </c>
      <c r="C20" s="11">
        <v>729934800</v>
      </c>
      <c r="D20" s="11">
        <v>729934800</v>
      </c>
      <c r="E20" s="11">
        <v>514599767.95999998</v>
      </c>
      <c r="F20" s="11">
        <v>70.5</v>
      </c>
    </row>
    <row r="21" spans="1:6" x14ac:dyDescent="0.25">
      <c r="A21" s="2" t="s">
        <v>35</v>
      </c>
      <c r="B21" s="4" t="s">
        <v>808</v>
      </c>
      <c r="C21" s="12">
        <v>682669700</v>
      </c>
      <c r="D21" s="12">
        <v>682669700</v>
      </c>
      <c r="E21" s="12">
        <v>500505336.14999998</v>
      </c>
      <c r="F21" s="12">
        <v>73.319999999999993</v>
      </c>
    </row>
    <row r="22" spans="1:6" x14ac:dyDescent="0.25">
      <c r="A22" s="2" t="s">
        <v>37</v>
      </c>
      <c r="B22" s="4" t="s">
        <v>809</v>
      </c>
      <c r="C22" s="12">
        <v>47265100</v>
      </c>
      <c r="D22" s="12">
        <v>47265100</v>
      </c>
      <c r="E22" s="12">
        <v>14094431.810000001</v>
      </c>
      <c r="F22" s="12">
        <v>29.82</v>
      </c>
    </row>
    <row r="23" spans="1:6" x14ac:dyDescent="0.25">
      <c r="A23" s="2" t="s">
        <v>39</v>
      </c>
      <c r="B23" s="4" t="s">
        <v>810</v>
      </c>
      <c r="C23" s="12">
        <v>956647400</v>
      </c>
      <c r="D23" s="12">
        <v>956647400</v>
      </c>
      <c r="E23" s="12">
        <v>257617531.94999999</v>
      </c>
      <c r="F23" s="12">
        <v>26.93</v>
      </c>
    </row>
    <row r="24" spans="1:6" x14ac:dyDescent="0.25">
      <c r="A24" s="3" t="s">
        <v>41</v>
      </c>
      <c r="B24" s="5" t="s">
        <v>811</v>
      </c>
      <c r="C24" s="11">
        <v>1352553300</v>
      </c>
      <c r="D24" s="11">
        <v>1352553300</v>
      </c>
      <c r="E24" s="11">
        <v>500819533.73000002</v>
      </c>
      <c r="F24" s="11">
        <v>65.260000000000005</v>
      </c>
    </row>
    <row r="25" spans="1:6" x14ac:dyDescent="0.25">
      <c r="A25" s="2" t="s">
        <v>43</v>
      </c>
      <c r="B25" s="4" t="s">
        <v>812</v>
      </c>
      <c r="C25" s="12">
        <v>1227705300</v>
      </c>
      <c r="D25" s="12">
        <v>1227705300</v>
      </c>
      <c r="E25" s="12">
        <v>472293178.16000003</v>
      </c>
      <c r="F25" s="12">
        <v>38.47</v>
      </c>
    </row>
    <row r="26" spans="1:6" x14ac:dyDescent="0.25">
      <c r="A26" s="2" t="s">
        <v>45</v>
      </c>
      <c r="B26" s="4" t="s">
        <v>813</v>
      </c>
      <c r="C26" s="12">
        <v>18350000</v>
      </c>
      <c r="D26" s="12">
        <v>18350000</v>
      </c>
      <c r="E26" s="12">
        <v>0</v>
      </c>
      <c r="F26" s="12">
        <v>0</v>
      </c>
    </row>
    <row r="27" spans="1:6" x14ac:dyDescent="0.25">
      <c r="A27" s="2" t="s">
        <v>47</v>
      </c>
      <c r="B27" s="4" t="s">
        <v>814</v>
      </c>
      <c r="C27" s="12">
        <v>106498000</v>
      </c>
      <c r="D27" s="12">
        <v>106498000</v>
      </c>
      <c r="E27" s="12">
        <v>28526355.57</v>
      </c>
      <c r="F27" s="12">
        <v>26.79</v>
      </c>
    </row>
    <row r="28" spans="1:6" x14ac:dyDescent="0.25">
      <c r="A28" s="2" t="s">
        <v>49</v>
      </c>
      <c r="B28" s="4" t="s">
        <v>815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3" t="s">
        <v>51</v>
      </c>
      <c r="B29" s="5" t="s">
        <v>816</v>
      </c>
      <c r="C29" s="11">
        <v>2820469600</v>
      </c>
      <c r="D29" s="11">
        <v>2820469600</v>
      </c>
      <c r="E29" s="11">
        <v>1073308341.02</v>
      </c>
      <c r="F29" s="11">
        <v>130.59</v>
      </c>
    </row>
    <row r="30" spans="1:6" x14ac:dyDescent="0.25">
      <c r="A30" s="2" t="s">
        <v>53</v>
      </c>
      <c r="B30" s="4" t="s">
        <v>817</v>
      </c>
      <c r="C30" s="12">
        <v>2428877700</v>
      </c>
      <c r="D30" s="12">
        <v>2428877700</v>
      </c>
      <c r="E30" s="12">
        <v>808876867.77999997</v>
      </c>
      <c r="F30" s="12">
        <v>33.299999999999997</v>
      </c>
    </row>
    <row r="31" spans="1:6" x14ac:dyDescent="0.25">
      <c r="A31" s="2" t="s">
        <v>55</v>
      </c>
      <c r="B31" s="4" t="s">
        <v>818</v>
      </c>
      <c r="C31" s="12">
        <v>364967400</v>
      </c>
      <c r="D31" s="12">
        <v>364967400</v>
      </c>
      <c r="E31" s="12">
        <v>257299884.28999999</v>
      </c>
      <c r="F31" s="12">
        <v>70.5</v>
      </c>
    </row>
    <row r="32" spans="1:6" x14ac:dyDescent="0.25">
      <c r="A32" s="2" t="s">
        <v>57</v>
      </c>
      <c r="B32" s="4" t="s">
        <v>819</v>
      </c>
      <c r="C32" s="12">
        <v>26624500</v>
      </c>
      <c r="D32" s="12">
        <v>26624500</v>
      </c>
      <c r="E32" s="12">
        <v>7131588.9500000002</v>
      </c>
      <c r="F32" s="12">
        <v>26.79</v>
      </c>
    </row>
    <row r="33" spans="1:6" x14ac:dyDescent="0.25">
      <c r="A33" s="3" t="s">
        <v>59</v>
      </c>
      <c r="B33" s="5" t="s">
        <v>820</v>
      </c>
      <c r="C33" s="11">
        <v>10200585700</v>
      </c>
      <c r="D33" s="11">
        <v>10200585700</v>
      </c>
      <c r="E33" s="11">
        <v>3541709686.8299999</v>
      </c>
      <c r="F33" s="11">
        <v>34.72</v>
      </c>
    </row>
    <row r="35" spans="1:6" x14ac:dyDescent="0.25">
      <c r="A35" s="10" t="s">
        <v>6</v>
      </c>
      <c r="B35" s="10" t="s">
        <v>821</v>
      </c>
      <c r="C35" s="10" t="s">
        <v>9</v>
      </c>
      <c r="D35" s="10" t="s">
        <v>10</v>
      </c>
      <c r="E35" s="10" t="s">
        <v>11</v>
      </c>
      <c r="F35" s="10" t="s">
        <v>11</v>
      </c>
    </row>
    <row r="36" spans="1:6" ht="21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" t="s">
        <v>371</v>
      </c>
      <c r="F36" s="1" t="s">
        <v>798</v>
      </c>
    </row>
    <row r="37" spans="1:6" x14ac:dyDescent="0.25">
      <c r="A37" s="2" t="s">
        <v>61</v>
      </c>
      <c r="B37" s="4" t="s">
        <v>822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63</v>
      </c>
      <c r="B38" s="5" t="s">
        <v>823</v>
      </c>
      <c r="C38" s="11">
        <v>93543900</v>
      </c>
      <c r="D38" s="11">
        <v>93543900</v>
      </c>
      <c r="E38" s="11">
        <v>25676574.719999999</v>
      </c>
      <c r="F38" s="11">
        <v>27.45</v>
      </c>
    </row>
    <row r="39" spans="1:6" x14ac:dyDescent="0.25">
      <c r="A39" s="2" t="s">
        <v>65</v>
      </c>
      <c r="B39" s="4" t="s">
        <v>824</v>
      </c>
      <c r="C39" s="12">
        <v>67323000</v>
      </c>
      <c r="D39" s="12">
        <v>67323000</v>
      </c>
      <c r="E39" s="12">
        <v>19880349.149999999</v>
      </c>
      <c r="F39" s="12">
        <v>29.53</v>
      </c>
    </row>
    <row r="40" spans="1:6" x14ac:dyDescent="0.25">
      <c r="A40" s="2" t="s">
        <v>67</v>
      </c>
      <c r="B40" s="4" t="s">
        <v>825</v>
      </c>
      <c r="C40" s="12">
        <v>0</v>
      </c>
      <c r="D40" s="12">
        <v>0</v>
      </c>
      <c r="E40" s="12">
        <v>1000</v>
      </c>
      <c r="F40" s="12">
        <v>0</v>
      </c>
    </row>
    <row r="41" spans="1:6" x14ac:dyDescent="0.25">
      <c r="A41" s="2" t="s">
        <v>69</v>
      </c>
      <c r="B41" s="4" t="s">
        <v>826</v>
      </c>
      <c r="C41" s="12">
        <v>10073000</v>
      </c>
      <c r="D41" s="12">
        <v>10073000</v>
      </c>
      <c r="E41" s="12">
        <v>5445010.46</v>
      </c>
      <c r="F41" s="12">
        <v>54.06</v>
      </c>
    </row>
    <row r="42" spans="1:6" x14ac:dyDescent="0.25">
      <c r="A42" s="2" t="s">
        <v>71</v>
      </c>
      <c r="B42" s="4" t="s">
        <v>827</v>
      </c>
      <c r="C42" s="12">
        <v>0</v>
      </c>
      <c r="D42" s="12">
        <v>0</v>
      </c>
      <c r="E42" s="12">
        <v>0</v>
      </c>
      <c r="F42" s="12">
        <v>0</v>
      </c>
    </row>
    <row r="43" spans="1:6" x14ac:dyDescent="0.25">
      <c r="A43" s="2" t="s">
        <v>73</v>
      </c>
      <c r="B43" s="4" t="s">
        <v>828</v>
      </c>
      <c r="C43" s="12">
        <v>12785400</v>
      </c>
      <c r="D43" s="12">
        <v>12785400</v>
      </c>
      <c r="E43" s="12">
        <v>0</v>
      </c>
      <c r="F43" s="12">
        <v>0</v>
      </c>
    </row>
    <row r="44" spans="1:6" x14ac:dyDescent="0.25">
      <c r="A44" s="2" t="s">
        <v>75</v>
      </c>
      <c r="B44" s="4" t="s">
        <v>829</v>
      </c>
      <c r="C44" s="12">
        <v>3362500</v>
      </c>
      <c r="D44" s="12">
        <v>3362500</v>
      </c>
      <c r="E44" s="12">
        <v>350215.11</v>
      </c>
      <c r="F44" s="12">
        <v>10.42</v>
      </c>
    </row>
    <row r="45" spans="1:6" x14ac:dyDescent="0.25">
      <c r="A45" s="3" t="s">
        <v>77</v>
      </c>
      <c r="B45" s="5" t="s">
        <v>830</v>
      </c>
      <c r="C45" s="11">
        <v>20929200</v>
      </c>
      <c r="D45" s="11">
        <v>47329200</v>
      </c>
      <c r="E45" s="11">
        <v>3005142.54</v>
      </c>
      <c r="F45" s="11">
        <v>6.35</v>
      </c>
    </row>
    <row r="46" spans="1:6" x14ac:dyDescent="0.25">
      <c r="A46" s="2" t="s">
        <v>79</v>
      </c>
      <c r="B46" s="4" t="s">
        <v>831</v>
      </c>
      <c r="C46" s="12">
        <v>20929200</v>
      </c>
      <c r="D46" s="12">
        <v>47329200</v>
      </c>
      <c r="E46" s="12">
        <v>3005142.54</v>
      </c>
      <c r="F46" s="12">
        <v>6.35</v>
      </c>
    </row>
    <row r="47" spans="1:6" x14ac:dyDescent="0.25">
      <c r="A47" s="2" t="s">
        <v>81</v>
      </c>
      <c r="B47" s="4" t="s">
        <v>832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83</v>
      </c>
      <c r="B48" s="4" t="s">
        <v>833</v>
      </c>
      <c r="C48" s="12">
        <v>0</v>
      </c>
      <c r="D48" s="12">
        <v>0</v>
      </c>
      <c r="E48" s="12">
        <v>0</v>
      </c>
      <c r="F48" s="12">
        <v>0</v>
      </c>
    </row>
    <row r="49" spans="1:6" x14ac:dyDescent="0.25">
      <c r="A49" s="2" t="s">
        <v>85</v>
      </c>
      <c r="B49" s="4" t="s">
        <v>834</v>
      </c>
      <c r="C49" s="12">
        <v>0</v>
      </c>
      <c r="D49" s="12">
        <v>0</v>
      </c>
      <c r="E49" s="12">
        <v>0</v>
      </c>
      <c r="F49" s="12">
        <v>0</v>
      </c>
    </row>
    <row r="50" spans="1:6" x14ac:dyDescent="0.25">
      <c r="A50" s="3" t="s">
        <v>87</v>
      </c>
      <c r="B50" s="5" t="s">
        <v>835</v>
      </c>
      <c r="C50" s="11">
        <v>114473100</v>
      </c>
      <c r="D50" s="11">
        <v>140873100</v>
      </c>
      <c r="E50" s="11">
        <v>28681717.260000002</v>
      </c>
      <c r="F50" s="11">
        <v>20.36</v>
      </c>
    </row>
    <row r="52" spans="1:6" x14ac:dyDescent="0.25">
      <c r="A52" s="10" t="s">
        <v>6</v>
      </c>
      <c r="B52" s="10" t="s">
        <v>836</v>
      </c>
      <c r="C52" s="10" t="s">
        <v>9</v>
      </c>
      <c r="D52" s="10" t="s">
        <v>10</v>
      </c>
      <c r="E52" s="10" t="s">
        <v>11</v>
      </c>
      <c r="F52" s="10" t="s">
        <v>11</v>
      </c>
    </row>
    <row r="53" spans="1:6" ht="21" x14ac:dyDescent="0.25">
      <c r="A53" s="10" t="s">
        <v>7</v>
      </c>
      <c r="B53" s="10" t="s">
        <v>7</v>
      </c>
      <c r="C53" s="10" t="s">
        <v>7</v>
      </c>
      <c r="D53" s="10" t="s">
        <v>7</v>
      </c>
      <c r="E53" s="1" t="s">
        <v>371</v>
      </c>
      <c r="F53" s="1" t="s">
        <v>798</v>
      </c>
    </row>
    <row r="54" spans="1:6" x14ac:dyDescent="0.25">
      <c r="A54" s="3" t="s">
        <v>89</v>
      </c>
      <c r="B54" s="5" t="s">
        <v>837</v>
      </c>
      <c r="C54" s="11">
        <v>1848787700</v>
      </c>
      <c r="D54" s="11">
        <v>1848787700</v>
      </c>
      <c r="E54" s="11">
        <v>656818430.91999996</v>
      </c>
      <c r="F54" s="11">
        <v>35.53</v>
      </c>
    </row>
    <row r="55" spans="1:6" x14ac:dyDescent="0.25">
      <c r="A55" s="2" t="s">
        <v>91</v>
      </c>
      <c r="B55" s="4" t="s">
        <v>838</v>
      </c>
      <c r="C55" s="12">
        <v>1474118800</v>
      </c>
      <c r="D55" s="12">
        <v>1474118800</v>
      </c>
      <c r="E55" s="12">
        <v>491554128.87</v>
      </c>
      <c r="F55" s="12">
        <v>33.35</v>
      </c>
    </row>
    <row r="56" spans="1:6" x14ac:dyDescent="0.25">
      <c r="A56" s="2" t="s">
        <v>93</v>
      </c>
      <c r="B56" s="4" t="s">
        <v>839</v>
      </c>
      <c r="C56" s="12">
        <v>36489600</v>
      </c>
      <c r="D56" s="12">
        <v>36489600</v>
      </c>
      <c r="E56" s="12">
        <v>15066736.439999999</v>
      </c>
      <c r="F56" s="12">
        <v>41.29</v>
      </c>
    </row>
    <row r="57" spans="1:6" x14ac:dyDescent="0.25">
      <c r="A57" s="2" t="s">
        <v>95</v>
      </c>
      <c r="B57" s="4" t="s">
        <v>840</v>
      </c>
      <c r="C57" s="12">
        <v>72993500</v>
      </c>
      <c r="D57" s="12">
        <v>72993500</v>
      </c>
      <c r="E57" s="12">
        <v>51459976.780000001</v>
      </c>
      <c r="F57" s="12">
        <v>70.5</v>
      </c>
    </row>
    <row r="58" spans="1:6" x14ac:dyDescent="0.25">
      <c r="A58" s="2" t="s">
        <v>97</v>
      </c>
      <c r="B58" s="4" t="s">
        <v>841</v>
      </c>
      <c r="C58" s="12">
        <v>245541100</v>
      </c>
      <c r="D58" s="12">
        <v>245541100</v>
      </c>
      <c r="E58" s="12">
        <v>94458635.540000007</v>
      </c>
      <c r="F58" s="12">
        <v>38.47</v>
      </c>
    </row>
    <row r="59" spans="1:6" x14ac:dyDescent="0.25">
      <c r="A59" s="2" t="s">
        <v>99</v>
      </c>
      <c r="B59" s="4" t="s">
        <v>842</v>
      </c>
      <c r="C59" s="12">
        <v>3670000</v>
      </c>
      <c r="D59" s="12">
        <v>3670000</v>
      </c>
      <c r="E59" s="12">
        <v>0</v>
      </c>
      <c r="F59" s="12">
        <v>0</v>
      </c>
    </row>
    <row r="60" spans="1:6" x14ac:dyDescent="0.25">
      <c r="A60" s="2" t="s">
        <v>101</v>
      </c>
      <c r="B60" s="4" t="s">
        <v>843</v>
      </c>
      <c r="C60" s="12">
        <v>15974700</v>
      </c>
      <c r="D60" s="12">
        <v>15974700</v>
      </c>
      <c r="E60" s="12">
        <v>4278953.29</v>
      </c>
      <c r="F60" s="12">
        <v>26.79</v>
      </c>
    </row>
    <row r="61" spans="1:6" x14ac:dyDescent="0.25">
      <c r="A61" s="3" t="s">
        <v>103</v>
      </c>
      <c r="B61" s="5" t="s">
        <v>844</v>
      </c>
      <c r="C61" s="11">
        <v>1162234200</v>
      </c>
      <c r="D61" s="11">
        <v>1162234200</v>
      </c>
      <c r="E61" s="11">
        <v>391387595.42000002</v>
      </c>
      <c r="F61" s="11">
        <v>33.68</v>
      </c>
    </row>
    <row r="62" spans="1:6" x14ac:dyDescent="0.25">
      <c r="A62" s="2" t="s">
        <v>105</v>
      </c>
      <c r="B62" s="4" t="s">
        <v>845</v>
      </c>
      <c r="C62" s="12">
        <v>1162234200</v>
      </c>
      <c r="D62" s="12">
        <v>1162234200</v>
      </c>
      <c r="E62" s="12">
        <v>391043702.56999999</v>
      </c>
      <c r="F62" s="12">
        <v>33.65</v>
      </c>
    </row>
    <row r="63" spans="1:6" x14ac:dyDescent="0.25">
      <c r="A63" s="2" t="s">
        <v>107</v>
      </c>
      <c r="B63" s="4" t="s">
        <v>846</v>
      </c>
      <c r="C63" s="12">
        <v>0</v>
      </c>
      <c r="D63" s="12">
        <v>0</v>
      </c>
      <c r="E63" s="12">
        <v>0</v>
      </c>
      <c r="F63" s="12">
        <v>0</v>
      </c>
    </row>
    <row r="64" spans="1:6" x14ac:dyDescent="0.25">
      <c r="A64" s="2" t="s">
        <v>109</v>
      </c>
      <c r="B64" s="4" t="s">
        <v>847</v>
      </c>
      <c r="C64" s="12">
        <v>0</v>
      </c>
      <c r="D64" s="12">
        <v>0</v>
      </c>
      <c r="E64" s="12">
        <v>343892.85</v>
      </c>
      <c r="F64" s="12">
        <v>0</v>
      </c>
    </row>
    <row r="65" spans="1:8" x14ac:dyDescent="0.25">
      <c r="A65" s="2" t="s">
        <v>111</v>
      </c>
      <c r="B65" s="4" t="s">
        <v>848</v>
      </c>
      <c r="C65" s="12">
        <v>-686553500</v>
      </c>
      <c r="D65" s="12">
        <v>-686553500</v>
      </c>
      <c r="E65" s="12">
        <v>-265774728.34999999</v>
      </c>
      <c r="F65" s="12">
        <v>38.71</v>
      </c>
    </row>
    <row r="67" spans="1:8" x14ac:dyDescent="0.25">
      <c r="A67" s="10" t="s">
        <v>6</v>
      </c>
      <c r="B67" s="10" t="s">
        <v>849</v>
      </c>
      <c r="C67" s="10" t="s">
        <v>711</v>
      </c>
    </row>
    <row r="68" spans="1:8" x14ac:dyDescent="0.25">
      <c r="A68" s="10" t="s">
        <v>7</v>
      </c>
      <c r="B68" s="10" t="s">
        <v>7</v>
      </c>
      <c r="C68" s="10" t="s">
        <v>7</v>
      </c>
    </row>
    <row r="69" spans="1:8" x14ac:dyDescent="0.25">
      <c r="A69" s="2" t="s">
        <v>113</v>
      </c>
      <c r="B69" s="4" t="s">
        <v>850</v>
      </c>
      <c r="C69" s="12">
        <v>0</v>
      </c>
    </row>
    <row r="70" spans="1:8" x14ac:dyDescent="0.25">
      <c r="A70" s="2" t="s">
        <v>115</v>
      </c>
      <c r="B70" s="4" t="s">
        <v>851</v>
      </c>
      <c r="C70" s="12">
        <v>-265774728.34999999</v>
      </c>
    </row>
    <row r="72" spans="1:8" x14ac:dyDescent="0.25">
      <c r="A72" s="10" t="s">
        <v>6</v>
      </c>
      <c r="B72" s="10" t="s">
        <v>852</v>
      </c>
      <c r="C72" s="10" t="s">
        <v>369</v>
      </c>
      <c r="D72" s="10" t="s">
        <v>853</v>
      </c>
      <c r="E72" s="10" t="s">
        <v>168</v>
      </c>
      <c r="F72" s="10" t="s">
        <v>7</v>
      </c>
      <c r="G72" s="10" t="s">
        <v>172</v>
      </c>
      <c r="H72" s="10" t="s">
        <v>172</v>
      </c>
    </row>
    <row r="73" spans="1:8" ht="21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" t="s">
        <v>854</v>
      </c>
      <c r="F73" s="1" t="s">
        <v>855</v>
      </c>
      <c r="G73" s="1" t="s">
        <v>856</v>
      </c>
      <c r="H73" s="1" t="s">
        <v>857</v>
      </c>
    </row>
    <row r="74" spans="1:8" x14ac:dyDescent="0.25">
      <c r="A74" s="3" t="s">
        <v>117</v>
      </c>
      <c r="B74" s="5" t="s">
        <v>858</v>
      </c>
      <c r="C74" s="11">
        <v>1145695000</v>
      </c>
      <c r="D74" s="11">
        <v>1145695000</v>
      </c>
      <c r="E74" s="11">
        <v>326677067.94999999</v>
      </c>
      <c r="F74" s="11">
        <v>28.51</v>
      </c>
      <c r="G74" s="11">
        <v>325806552.51999998</v>
      </c>
      <c r="H74" s="11">
        <v>28.44</v>
      </c>
    </row>
    <row r="75" spans="1:8" x14ac:dyDescent="0.25">
      <c r="A75" s="2" t="s">
        <v>119</v>
      </c>
      <c r="B75" s="4" t="s">
        <v>859</v>
      </c>
      <c r="C75" s="12">
        <v>687417000</v>
      </c>
      <c r="D75" s="12">
        <v>687417000</v>
      </c>
      <c r="E75" s="12">
        <v>196006240.77000001</v>
      </c>
      <c r="F75" s="12">
        <v>28.51</v>
      </c>
      <c r="G75" s="12">
        <v>195483931.50999999</v>
      </c>
      <c r="H75" s="12">
        <v>28.44</v>
      </c>
    </row>
    <row r="76" spans="1:8" x14ac:dyDescent="0.25">
      <c r="A76" s="2" t="s">
        <v>120</v>
      </c>
      <c r="B76" s="4" t="s">
        <v>860</v>
      </c>
      <c r="C76" s="12">
        <v>458278000</v>
      </c>
      <c r="D76" s="12">
        <v>458278000</v>
      </c>
      <c r="E76" s="12">
        <v>130670827.18000001</v>
      </c>
      <c r="F76" s="12">
        <v>28.51</v>
      </c>
      <c r="G76" s="12">
        <v>130322621.01000001</v>
      </c>
      <c r="H76" s="12">
        <v>28.44</v>
      </c>
    </row>
    <row r="77" spans="1:8" x14ac:dyDescent="0.25">
      <c r="A77" s="3" t="s">
        <v>121</v>
      </c>
      <c r="B77" s="5" t="s">
        <v>861</v>
      </c>
      <c r="C77" s="11">
        <v>16539200</v>
      </c>
      <c r="D77" s="11">
        <v>16539200</v>
      </c>
      <c r="E77" s="11">
        <v>4372544</v>
      </c>
      <c r="F77" s="11">
        <v>26.44</v>
      </c>
      <c r="G77" s="11">
        <v>4370924.74</v>
      </c>
      <c r="H77" s="11">
        <v>26.43</v>
      </c>
    </row>
    <row r="78" spans="1:8" x14ac:dyDescent="0.25">
      <c r="A78" s="2" t="s">
        <v>122</v>
      </c>
      <c r="B78" s="4" t="s">
        <v>862</v>
      </c>
      <c r="C78" s="12">
        <v>16539200</v>
      </c>
      <c r="D78" s="12">
        <v>16539200</v>
      </c>
      <c r="E78" s="12">
        <v>4372544</v>
      </c>
      <c r="F78" s="12">
        <v>26.44</v>
      </c>
      <c r="G78" s="12">
        <v>4370924.74</v>
      </c>
      <c r="H78" s="12">
        <v>26.43</v>
      </c>
    </row>
    <row r="79" spans="1:8" x14ac:dyDescent="0.25">
      <c r="A79" s="2" t="s">
        <v>123</v>
      </c>
      <c r="B79" s="4" t="s">
        <v>863</v>
      </c>
      <c r="C79" s="12">
        <v>0</v>
      </c>
      <c r="D79" s="12">
        <v>0</v>
      </c>
      <c r="E79" s="12">
        <v>0</v>
      </c>
      <c r="F79" s="12">
        <v>0</v>
      </c>
      <c r="G79" s="12">
        <v>0</v>
      </c>
      <c r="H79" s="12">
        <v>0</v>
      </c>
    </row>
    <row r="80" spans="1:8" x14ac:dyDescent="0.25">
      <c r="A80" s="3" t="s">
        <v>124</v>
      </c>
      <c r="B80" s="5" t="s">
        <v>864</v>
      </c>
      <c r="C80" s="11">
        <v>1162234200</v>
      </c>
      <c r="D80" s="11">
        <v>1162234200</v>
      </c>
      <c r="E80" s="11">
        <v>331049611.94999999</v>
      </c>
      <c r="F80" s="11">
        <v>28.48</v>
      </c>
      <c r="G80" s="11">
        <v>330177477.25999999</v>
      </c>
      <c r="H80" s="11">
        <v>28.41</v>
      </c>
    </row>
    <row r="82" spans="1:3" x14ac:dyDescent="0.25">
      <c r="A82" s="10" t="s">
        <v>6</v>
      </c>
      <c r="B82" s="10" t="s">
        <v>865</v>
      </c>
      <c r="C82" s="10" t="s">
        <v>711</v>
      </c>
    </row>
    <row r="83" spans="1:3" x14ac:dyDescent="0.25">
      <c r="A83" s="10" t="s">
        <v>7</v>
      </c>
      <c r="B83" s="10" t="s">
        <v>7</v>
      </c>
      <c r="C83" s="10" t="s">
        <v>7</v>
      </c>
    </row>
    <row r="84" spans="1:3" x14ac:dyDescent="0.25">
      <c r="A84" s="3" t="s">
        <v>125</v>
      </c>
      <c r="B84" s="5" t="s">
        <v>866</v>
      </c>
      <c r="C84" s="11">
        <v>0</v>
      </c>
    </row>
    <row r="85" spans="1:3" x14ac:dyDescent="0.25">
      <c r="A85" s="2" t="s">
        <v>126</v>
      </c>
      <c r="B85" s="4" t="s">
        <v>867</v>
      </c>
      <c r="C85" s="12">
        <v>0</v>
      </c>
    </row>
    <row r="86" spans="1:3" x14ac:dyDescent="0.25">
      <c r="A86" s="2" t="s">
        <v>127</v>
      </c>
      <c r="B86" s="4" t="s">
        <v>868</v>
      </c>
      <c r="C86" s="12">
        <v>0</v>
      </c>
    </row>
    <row r="87" spans="1:3" x14ac:dyDescent="0.25">
      <c r="A87" s="3" t="s">
        <v>129</v>
      </c>
      <c r="B87" s="5" t="s">
        <v>869</v>
      </c>
      <c r="C87" s="11">
        <v>0</v>
      </c>
    </row>
    <row r="88" spans="1:3" x14ac:dyDescent="0.25">
      <c r="A88" s="2" t="s">
        <v>131</v>
      </c>
      <c r="B88" s="4" t="s">
        <v>870</v>
      </c>
      <c r="C88" s="12">
        <v>0</v>
      </c>
    </row>
    <row r="89" spans="1:3" x14ac:dyDescent="0.25">
      <c r="A89" s="2" t="s">
        <v>133</v>
      </c>
      <c r="B89" s="4" t="s">
        <v>871</v>
      </c>
      <c r="C89" s="12">
        <v>0</v>
      </c>
    </row>
    <row r="90" spans="1:3" x14ac:dyDescent="0.25">
      <c r="A90" s="3" t="s">
        <v>135</v>
      </c>
      <c r="B90" s="5" t="s">
        <v>872</v>
      </c>
      <c r="C90" s="11">
        <v>0</v>
      </c>
    </row>
    <row r="92" spans="1:3" x14ac:dyDescent="0.25">
      <c r="A92" s="10" t="s">
        <v>6</v>
      </c>
      <c r="B92" s="10" t="s">
        <v>873</v>
      </c>
      <c r="C92" s="10" t="s">
        <v>711</v>
      </c>
    </row>
    <row r="93" spans="1:3" x14ac:dyDescent="0.25">
      <c r="A93" s="10" t="s">
        <v>7</v>
      </c>
      <c r="B93" s="10" t="s">
        <v>7</v>
      </c>
      <c r="C93" s="10" t="s">
        <v>7</v>
      </c>
    </row>
    <row r="94" spans="1:3" x14ac:dyDescent="0.25">
      <c r="A94" s="2" t="s">
        <v>137</v>
      </c>
      <c r="B94" s="4" t="s">
        <v>874</v>
      </c>
      <c r="C94" s="12">
        <v>330177477.25999999</v>
      </c>
    </row>
    <row r="95" spans="1:3" x14ac:dyDescent="0.25">
      <c r="A95" s="2" t="s">
        <v>139</v>
      </c>
      <c r="B95" s="4" t="s">
        <v>875</v>
      </c>
      <c r="C95" s="12">
        <v>83.24</v>
      </c>
    </row>
    <row r="96" spans="1:3" x14ac:dyDescent="0.25">
      <c r="A96" s="2" t="s">
        <v>141</v>
      </c>
      <c r="B96" s="4" t="s">
        <v>876</v>
      </c>
      <c r="C96" s="12">
        <v>1.1200000000000001</v>
      </c>
    </row>
    <row r="97" spans="1:8" x14ac:dyDescent="0.25">
      <c r="A97" s="2" t="s">
        <v>143</v>
      </c>
      <c r="B97" s="4" t="s">
        <v>877</v>
      </c>
      <c r="C97" s="12">
        <v>15.64</v>
      </c>
    </row>
    <row r="99" spans="1:8" x14ac:dyDescent="0.25">
      <c r="A99" s="10" t="s">
        <v>6</v>
      </c>
      <c r="B99" s="10" t="s">
        <v>878</v>
      </c>
      <c r="C99" s="10" t="s">
        <v>711</v>
      </c>
    </row>
    <row r="100" spans="1:8" x14ac:dyDescent="0.25">
      <c r="A100" s="10" t="s">
        <v>7</v>
      </c>
      <c r="B100" s="10" t="s">
        <v>7</v>
      </c>
      <c r="C100" s="10" t="s">
        <v>7</v>
      </c>
    </row>
    <row r="101" spans="1:8" x14ac:dyDescent="0.25">
      <c r="A101" s="2" t="s">
        <v>145</v>
      </c>
      <c r="B101" s="4" t="s">
        <v>879</v>
      </c>
      <c r="C101" s="12">
        <v>0</v>
      </c>
    </row>
    <row r="102" spans="1:8" x14ac:dyDescent="0.25">
      <c r="A102" s="2" t="s">
        <v>147</v>
      </c>
      <c r="B102" s="4" t="s">
        <v>880</v>
      </c>
      <c r="C102" s="12">
        <v>0</v>
      </c>
    </row>
    <row r="104" spans="1:8" x14ac:dyDescent="0.25">
      <c r="A104" s="10" t="s">
        <v>6</v>
      </c>
      <c r="B104" s="10" t="s">
        <v>881</v>
      </c>
      <c r="C104" s="10" t="s">
        <v>369</v>
      </c>
      <c r="D104" s="10" t="s">
        <v>853</v>
      </c>
      <c r="E104" s="10" t="s">
        <v>168</v>
      </c>
      <c r="F104" s="10" t="s">
        <v>7</v>
      </c>
      <c r="G104" s="10" t="s">
        <v>172</v>
      </c>
      <c r="H104" s="10" t="s">
        <v>172</v>
      </c>
    </row>
    <row r="105" spans="1:8" ht="21" x14ac:dyDescent="0.25">
      <c r="A105" s="10" t="s">
        <v>7</v>
      </c>
      <c r="B105" s="10" t="s">
        <v>7</v>
      </c>
      <c r="C105" s="10" t="s">
        <v>7</v>
      </c>
      <c r="D105" s="10" t="s">
        <v>7</v>
      </c>
      <c r="E105" s="1" t="s">
        <v>854</v>
      </c>
      <c r="F105" s="1" t="s">
        <v>855</v>
      </c>
      <c r="G105" s="1" t="s">
        <v>856</v>
      </c>
      <c r="H105" s="1" t="s">
        <v>857</v>
      </c>
    </row>
    <row r="106" spans="1:8" x14ac:dyDescent="0.25">
      <c r="A106" s="3" t="s">
        <v>149</v>
      </c>
      <c r="B106" s="5" t="s">
        <v>882</v>
      </c>
      <c r="C106" s="11">
        <v>0</v>
      </c>
      <c r="D106" s="11">
        <v>0</v>
      </c>
      <c r="E106" s="11">
        <v>0</v>
      </c>
      <c r="F106" s="11">
        <v>0</v>
      </c>
      <c r="G106" s="11">
        <v>0</v>
      </c>
      <c r="H106" s="11">
        <v>0</v>
      </c>
    </row>
    <row r="107" spans="1:8" x14ac:dyDescent="0.25">
      <c r="A107" s="2" t="s">
        <v>151</v>
      </c>
      <c r="B107" s="4" t="s">
        <v>883</v>
      </c>
      <c r="C107" s="12">
        <v>0</v>
      </c>
      <c r="D107" s="12">
        <v>0</v>
      </c>
      <c r="E107" s="12">
        <v>0</v>
      </c>
      <c r="F107" s="12">
        <v>0</v>
      </c>
      <c r="G107" s="12">
        <v>0</v>
      </c>
      <c r="H107" s="12">
        <v>0</v>
      </c>
    </row>
    <row r="108" spans="1:8" x14ac:dyDescent="0.25">
      <c r="A108" s="2" t="s">
        <v>152</v>
      </c>
      <c r="B108" s="4" t="s">
        <v>884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  <c r="H108" s="12">
        <v>0</v>
      </c>
    </row>
    <row r="109" spans="1:8" x14ac:dyDescent="0.25">
      <c r="A109" s="3" t="s">
        <v>153</v>
      </c>
      <c r="B109" s="5" t="s">
        <v>885</v>
      </c>
      <c r="C109" s="11">
        <v>712277800</v>
      </c>
      <c r="D109" s="11">
        <v>712277800</v>
      </c>
      <c r="E109" s="11">
        <v>202003329.97</v>
      </c>
      <c r="F109" s="11">
        <v>28.36</v>
      </c>
      <c r="G109" s="11">
        <v>200196882.65000001</v>
      </c>
      <c r="H109" s="11">
        <v>28.11</v>
      </c>
    </row>
    <row r="110" spans="1:8" x14ac:dyDescent="0.25">
      <c r="A110" s="2" t="s">
        <v>155</v>
      </c>
      <c r="B110" s="4" t="s">
        <v>886</v>
      </c>
      <c r="C110" s="12">
        <v>703956200</v>
      </c>
      <c r="D110" s="12">
        <v>703956200</v>
      </c>
      <c r="E110" s="12">
        <v>200378784.77000001</v>
      </c>
      <c r="F110" s="12">
        <v>28.46</v>
      </c>
      <c r="G110" s="12">
        <v>199854856.25</v>
      </c>
      <c r="H110" s="12">
        <v>28.39</v>
      </c>
    </row>
    <row r="111" spans="1:8" x14ac:dyDescent="0.25">
      <c r="A111" s="2" t="s">
        <v>157</v>
      </c>
      <c r="B111" s="4" t="s">
        <v>887</v>
      </c>
      <c r="C111" s="12">
        <v>8321600</v>
      </c>
      <c r="D111" s="12">
        <v>8321600</v>
      </c>
      <c r="E111" s="12">
        <v>1624545.2</v>
      </c>
      <c r="F111" s="12">
        <v>19.52</v>
      </c>
      <c r="G111" s="12">
        <v>342026.4</v>
      </c>
      <c r="H111" s="12">
        <v>4.1100000000000003</v>
      </c>
    </row>
    <row r="112" spans="1:8" x14ac:dyDescent="0.25">
      <c r="A112" s="3" t="s">
        <v>159</v>
      </c>
      <c r="B112" s="5" t="s">
        <v>888</v>
      </c>
      <c r="C112" s="11">
        <v>463106000</v>
      </c>
      <c r="D112" s="11">
        <v>463106000</v>
      </c>
      <c r="E112" s="11">
        <v>134161404.58</v>
      </c>
      <c r="F112" s="11">
        <v>28.97</v>
      </c>
      <c r="G112" s="11">
        <v>130322621.01000001</v>
      </c>
      <c r="H112" s="11">
        <v>28.14</v>
      </c>
    </row>
    <row r="113" spans="1:8" x14ac:dyDescent="0.25">
      <c r="A113" s="2" t="s">
        <v>161</v>
      </c>
      <c r="B113" s="4" t="s">
        <v>889</v>
      </c>
      <c r="C113" s="12">
        <v>458278000</v>
      </c>
      <c r="D113" s="12">
        <v>458278000</v>
      </c>
      <c r="E113" s="12">
        <v>130670827.18000001</v>
      </c>
      <c r="F113" s="12">
        <v>28.51</v>
      </c>
      <c r="G113" s="12">
        <v>130322621.01000001</v>
      </c>
      <c r="H113" s="12">
        <v>28.44</v>
      </c>
    </row>
    <row r="114" spans="1:8" x14ac:dyDescent="0.25">
      <c r="A114" s="2" t="s">
        <v>163</v>
      </c>
      <c r="B114" s="4" t="s">
        <v>890</v>
      </c>
      <c r="C114" s="12">
        <v>4828000</v>
      </c>
      <c r="D114" s="12">
        <v>4828000</v>
      </c>
      <c r="E114" s="12">
        <v>3490577.4</v>
      </c>
      <c r="F114" s="12">
        <v>72.3</v>
      </c>
      <c r="G114" s="12">
        <v>0</v>
      </c>
      <c r="H114" s="12">
        <v>0</v>
      </c>
    </row>
    <row r="115" spans="1:8" x14ac:dyDescent="0.25">
      <c r="A115" s="2" t="s">
        <v>176</v>
      </c>
      <c r="B115" s="4" t="s">
        <v>891</v>
      </c>
      <c r="C115" s="12">
        <v>6988900</v>
      </c>
      <c r="D115" s="12">
        <v>7690710</v>
      </c>
      <c r="E115" s="12">
        <v>2790661.13</v>
      </c>
      <c r="F115" s="12">
        <v>36.29</v>
      </c>
      <c r="G115" s="12">
        <v>2347366.88</v>
      </c>
      <c r="H115" s="12">
        <v>30.52</v>
      </c>
    </row>
    <row r="116" spans="1:8" x14ac:dyDescent="0.25">
      <c r="A116" s="2" t="s">
        <v>178</v>
      </c>
      <c r="B116" s="4" t="s">
        <v>892</v>
      </c>
      <c r="C116" s="12">
        <v>4111200</v>
      </c>
      <c r="D116" s="12">
        <v>4111200</v>
      </c>
      <c r="E116" s="12">
        <v>34288.35</v>
      </c>
      <c r="F116" s="12">
        <v>0.83</v>
      </c>
      <c r="G116" s="12">
        <v>17061.810000000001</v>
      </c>
      <c r="H116" s="12">
        <v>0.42</v>
      </c>
    </row>
    <row r="117" spans="1:8" x14ac:dyDescent="0.25">
      <c r="A117" s="2" t="s">
        <v>180</v>
      </c>
      <c r="B117" s="4" t="s">
        <v>893</v>
      </c>
      <c r="C117" s="12">
        <v>941454300</v>
      </c>
      <c r="D117" s="12">
        <v>1035265584.78</v>
      </c>
      <c r="E117" s="12">
        <v>469595946.50999999</v>
      </c>
      <c r="F117" s="12">
        <v>45.36</v>
      </c>
      <c r="G117" s="12">
        <v>448420459.26999998</v>
      </c>
      <c r="H117" s="12">
        <v>43.31</v>
      </c>
    </row>
    <row r="118" spans="1:8" x14ac:dyDescent="0.25">
      <c r="A118" s="3" t="s">
        <v>182</v>
      </c>
      <c r="B118" s="5" t="s">
        <v>894</v>
      </c>
      <c r="C118" s="11">
        <v>2127938200</v>
      </c>
      <c r="D118" s="11">
        <v>2222451294.7800002</v>
      </c>
      <c r="E118" s="11">
        <v>808585630.53999996</v>
      </c>
      <c r="F118" s="11">
        <v>36.380000000000003</v>
      </c>
      <c r="G118" s="11">
        <v>781304391.62</v>
      </c>
      <c r="H118" s="11">
        <v>35.159999999999997</v>
      </c>
    </row>
    <row r="120" spans="1:8" x14ac:dyDescent="0.25">
      <c r="A120" s="10" t="s">
        <v>6</v>
      </c>
      <c r="B120" s="10" t="s">
        <v>895</v>
      </c>
      <c r="C120" s="10" t="s">
        <v>711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2" t="s">
        <v>184</v>
      </c>
      <c r="B122" s="4" t="s">
        <v>896</v>
      </c>
      <c r="C122" s="12">
        <v>-265774728.34999999</v>
      </c>
    </row>
    <row r="123" spans="1:8" x14ac:dyDescent="0.25">
      <c r="A123" s="2" t="s">
        <v>186</v>
      </c>
      <c r="B123" s="4" t="s">
        <v>897</v>
      </c>
      <c r="C123" s="12">
        <v>0</v>
      </c>
    </row>
    <row r="124" spans="1:8" x14ac:dyDescent="0.25">
      <c r="A124" s="2" t="s">
        <v>188</v>
      </c>
      <c r="B124" s="4" t="s">
        <v>898</v>
      </c>
      <c r="C124" s="12">
        <v>0</v>
      </c>
    </row>
    <row r="125" spans="1:8" x14ac:dyDescent="0.25">
      <c r="A125" s="2" t="s">
        <v>190</v>
      </c>
      <c r="B125" s="4" t="s">
        <v>899</v>
      </c>
      <c r="C125" s="12">
        <v>0</v>
      </c>
    </row>
    <row r="126" spans="1:8" x14ac:dyDescent="0.25">
      <c r="A126" s="2" t="s">
        <v>192</v>
      </c>
      <c r="B126" s="4" t="s">
        <v>900</v>
      </c>
      <c r="C126" s="12">
        <v>0</v>
      </c>
    </row>
    <row r="127" spans="1:8" x14ac:dyDescent="0.25">
      <c r="A127" s="2" t="s">
        <v>194</v>
      </c>
      <c r="B127" s="4" t="s">
        <v>901</v>
      </c>
      <c r="C127" s="12">
        <v>16358254.48</v>
      </c>
    </row>
    <row r="128" spans="1:8" x14ac:dyDescent="0.25">
      <c r="A128" s="3" t="s">
        <v>196</v>
      </c>
      <c r="B128" s="5" t="s">
        <v>903</v>
      </c>
      <c r="C128" s="11">
        <v>-249416473.87</v>
      </c>
    </row>
    <row r="129" spans="1:8" x14ac:dyDescent="0.25">
      <c r="A129" s="2" t="s">
        <v>198</v>
      </c>
      <c r="B129" s="4" t="s">
        <v>904</v>
      </c>
      <c r="C129" s="12">
        <v>1030720865.49</v>
      </c>
    </row>
    <row r="130" spans="1:8" x14ac:dyDescent="0.25">
      <c r="A130" s="2" t="s">
        <v>200</v>
      </c>
      <c r="B130" s="4" t="s">
        <v>905</v>
      </c>
      <c r="C130" s="12">
        <v>29.1</v>
      </c>
    </row>
    <row r="132" spans="1:8" x14ac:dyDescent="0.25">
      <c r="A132" s="10" t="s">
        <v>6</v>
      </c>
      <c r="B132" s="10" t="s">
        <v>906</v>
      </c>
      <c r="C132" s="10" t="s">
        <v>369</v>
      </c>
      <c r="D132" s="10" t="s">
        <v>853</v>
      </c>
      <c r="E132" s="10" t="s">
        <v>168</v>
      </c>
      <c r="F132" s="10" t="s">
        <v>7</v>
      </c>
      <c r="G132" s="10" t="s">
        <v>172</v>
      </c>
      <c r="H132" s="10" t="s">
        <v>172</v>
      </c>
    </row>
    <row r="133" spans="1:8" ht="21" x14ac:dyDescent="0.25">
      <c r="A133" s="10" t="s">
        <v>7</v>
      </c>
      <c r="B133" s="10" t="s">
        <v>7</v>
      </c>
      <c r="C133" s="10" t="s">
        <v>7</v>
      </c>
      <c r="D133" s="10" t="s">
        <v>7</v>
      </c>
      <c r="E133" s="1" t="s">
        <v>854</v>
      </c>
      <c r="F133" s="1" t="s">
        <v>855</v>
      </c>
      <c r="G133" s="1" t="s">
        <v>907</v>
      </c>
      <c r="H133" s="1" t="s">
        <v>857</v>
      </c>
    </row>
    <row r="134" spans="1:8" x14ac:dyDescent="0.25">
      <c r="A134" s="2" t="s">
        <v>202</v>
      </c>
      <c r="B134" s="4" t="s">
        <v>908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</row>
    <row r="135" spans="1:8" x14ac:dyDescent="0.25">
      <c r="A135" s="2" t="s">
        <v>204</v>
      </c>
      <c r="B135" s="4" t="s">
        <v>909</v>
      </c>
      <c r="C135" s="12">
        <v>70685500</v>
      </c>
      <c r="D135" s="12">
        <v>70685500</v>
      </c>
      <c r="E135" s="12">
        <v>41285130.789999999</v>
      </c>
      <c r="F135" s="12">
        <v>58.41</v>
      </c>
      <c r="G135" s="12">
        <v>31388210.309999999</v>
      </c>
      <c r="H135" s="12">
        <v>44.41</v>
      </c>
    </row>
    <row r="136" spans="1:8" x14ac:dyDescent="0.25">
      <c r="A136" s="2" t="s">
        <v>206</v>
      </c>
      <c r="B136" s="4" t="s">
        <v>910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</row>
    <row r="137" spans="1:8" x14ac:dyDescent="0.25">
      <c r="A137" s="2" t="s">
        <v>208</v>
      </c>
      <c r="B137" s="4" t="s">
        <v>911</v>
      </c>
      <c r="C137" s="12">
        <v>47004900</v>
      </c>
      <c r="D137" s="12">
        <v>73404900</v>
      </c>
      <c r="E137" s="12">
        <v>50564458.07</v>
      </c>
      <c r="F137" s="12">
        <v>68.88</v>
      </c>
      <c r="G137" s="12">
        <v>12977287.76</v>
      </c>
      <c r="H137" s="12">
        <v>17.68</v>
      </c>
    </row>
    <row r="138" spans="1:8" x14ac:dyDescent="0.25">
      <c r="A138" s="3" t="s">
        <v>210</v>
      </c>
      <c r="B138" s="5" t="s">
        <v>912</v>
      </c>
      <c r="C138" s="11">
        <v>117690400</v>
      </c>
      <c r="D138" s="11">
        <v>144090400</v>
      </c>
      <c r="E138" s="11">
        <v>91849588.859999999</v>
      </c>
      <c r="F138" s="11">
        <v>63.74</v>
      </c>
      <c r="G138" s="11">
        <v>44365498.07</v>
      </c>
      <c r="H138" s="11">
        <v>30.79</v>
      </c>
    </row>
    <row r="139" spans="1:8" x14ac:dyDescent="0.25">
      <c r="A139" s="2" t="s">
        <v>212</v>
      </c>
      <c r="B139" s="4" t="s">
        <v>913</v>
      </c>
      <c r="C139" s="12">
        <v>2245628600</v>
      </c>
      <c r="D139" s="12">
        <v>2366541694.7800002</v>
      </c>
      <c r="E139" s="12">
        <v>900435219.39999998</v>
      </c>
      <c r="F139" s="12">
        <v>38.049999999999997</v>
      </c>
      <c r="G139" s="12">
        <v>825669889.69000006</v>
      </c>
      <c r="H139" s="12">
        <v>34.89</v>
      </c>
    </row>
    <row r="141" spans="1:8" x14ac:dyDescent="0.25">
      <c r="A141" s="10" t="s">
        <v>6</v>
      </c>
      <c r="B141" s="10" t="s">
        <v>914</v>
      </c>
      <c r="C141" s="10" t="s">
        <v>915</v>
      </c>
      <c r="D141" s="10" t="s">
        <v>916</v>
      </c>
    </row>
    <row r="142" spans="1:8" x14ac:dyDescent="0.25">
      <c r="A142" s="10" t="s">
        <v>7</v>
      </c>
      <c r="B142" s="10" t="s">
        <v>7</v>
      </c>
      <c r="C142" s="10" t="s">
        <v>7</v>
      </c>
      <c r="D142" s="10" t="s">
        <v>7</v>
      </c>
    </row>
    <row r="143" spans="1:8" x14ac:dyDescent="0.25">
      <c r="A143" s="3" t="s">
        <v>214</v>
      </c>
      <c r="B143" s="5" t="s">
        <v>917</v>
      </c>
      <c r="C143" s="11" t="s">
        <v>918</v>
      </c>
      <c r="D143" s="11" t="s">
        <v>902</v>
      </c>
    </row>
    <row r="144" spans="1:8" x14ac:dyDescent="0.25">
      <c r="A144" s="2" t="s">
        <v>215</v>
      </c>
      <c r="B144" s="4" t="s">
        <v>919</v>
      </c>
      <c r="C144" s="12" t="s">
        <v>920</v>
      </c>
      <c r="D144" s="12" t="s">
        <v>921</v>
      </c>
    </row>
    <row r="145" spans="1:4" x14ac:dyDescent="0.25">
      <c r="A145" s="2" t="s">
        <v>216</v>
      </c>
      <c r="B145" s="4" t="s">
        <v>922</v>
      </c>
      <c r="C145" s="12" t="s">
        <v>923</v>
      </c>
      <c r="D145" s="12" t="s">
        <v>924</v>
      </c>
    </row>
    <row r="147" spans="1:4" x14ac:dyDescent="0.25">
      <c r="A147" s="10" t="s">
        <v>6</v>
      </c>
      <c r="B147" s="10" t="s">
        <v>925</v>
      </c>
      <c r="C147" s="10" t="s">
        <v>926</v>
      </c>
      <c r="D147" s="10" t="s">
        <v>927</v>
      </c>
    </row>
    <row r="148" spans="1:4" x14ac:dyDescent="0.25">
      <c r="A148" s="10" t="s">
        <v>7</v>
      </c>
      <c r="B148" s="10" t="s">
        <v>7</v>
      </c>
      <c r="C148" s="10" t="s">
        <v>7</v>
      </c>
      <c r="D148" s="10" t="s">
        <v>7</v>
      </c>
    </row>
    <row r="149" spans="1:4" x14ac:dyDescent="0.25">
      <c r="A149" s="2" t="s">
        <v>218</v>
      </c>
      <c r="B149" s="4" t="s">
        <v>928</v>
      </c>
      <c r="C149" s="12">
        <v>44928709.090000004</v>
      </c>
      <c r="D149" s="12">
        <v>22074828.190000001</v>
      </c>
    </row>
    <row r="150" spans="1:4" x14ac:dyDescent="0.25">
      <c r="A150" s="2" t="s">
        <v>220</v>
      </c>
      <c r="B150" s="4" t="s">
        <v>929</v>
      </c>
      <c r="C150" s="12">
        <v>391043702.56999999</v>
      </c>
      <c r="D150" s="12">
        <v>19880349.149999999</v>
      </c>
    </row>
    <row r="151" spans="1:4" x14ac:dyDescent="0.25">
      <c r="A151" s="3" t="s">
        <v>222</v>
      </c>
      <c r="B151" s="5" t="s">
        <v>930</v>
      </c>
      <c r="C151" s="11">
        <v>279067837.24000001</v>
      </c>
      <c r="D151" s="11">
        <v>32876770.350000001</v>
      </c>
    </row>
    <row r="152" spans="1:4" x14ac:dyDescent="0.25">
      <c r="A152" s="2" t="s">
        <v>225</v>
      </c>
      <c r="B152" s="4" t="s">
        <v>931</v>
      </c>
      <c r="C152" s="12">
        <v>253278404.16</v>
      </c>
      <c r="D152" s="12">
        <v>26808703.940000001</v>
      </c>
    </row>
    <row r="153" spans="1:4" x14ac:dyDescent="0.25">
      <c r="A153" s="2" t="s">
        <v>227</v>
      </c>
      <c r="B153" s="4" t="s">
        <v>932</v>
      </c>
      <c r="C153" s="12">
        <v>25789433.079999998</v>
      </c>
      <c r="D153" s="12">
        <v>6068066.4100000001</v>
      </c>
    </row>
    <row r="154" spans="1:4" x14ac:dyDescent="0.25">
      <c r="A154" s="2" t="s">
        <v>229</v>
      </c>
      <c r="B154" s="4" t="s">
        <v>933</v>
      </c>
      <c r="C154" s="12">
        <v>343892.85</v>
      </c>
      <c r="D154" s="12">
        <v>350215.11</v>
      </c>
    </row>
    <row r="155" spans="1:4" x14ac:dyDescent="0.25">
      <c r="A155" s="3" t="s">
        <v>231</v>
      </c>
      <c r="B155" s="5" t="s">
        <v>934</v>
      </c>
      <c r="C155" s="11">
        <v>157248467.27000001</v>
      </c>
      <c r="D155" s="11">
        <v>9428622.0999999996</v>
      </c>
    </row>
    <row r="156" spans="1:4" x14ac:dyDescent="0.25">
      <c r="A156" s="3" t="s">
        <v>233</v>
      </c>
      <c r="B156" s="5" t="s">
        <v>935</v>
      </c>
      <c r="C156" s="11">
        <v>27770824.84</v>
      </c>
      <c r="D156" s="11">
        <v>-105957.41</v>
      </c>
    </row>
    <row r="157" spans="1:4" x14ac:dyDescent="0.25">
      <c r="A157" s="2" t="s">
        <v>235</v>
      </c>
      <c r="B157" s="4" t="s">
        <v>936</v>
      </c>
      <c r="C157" s="12">
        <v>27770824.84</v>
      </c>
      <c r="D157" s="12">
        <v>-105957.41</v>
      </c>
    </row>
    <row r="158" spans="1:4" x14ac:dyDescent="0.25">
      <c r="A158" s="2" t="s">
        <v>237</v>
      </c>
      <c r="B158" s="4" t="s">
        <v>937</v>
      </c>
      <c r="C158" s="12">
        <v>0</v>
      </c>
      <c r="D158" s="12">
        <v>0</v>
      </c>
    </row>
    <row r="159" spans="1:4" x14ac:dyDescent="0.25">
      <c r="A159" s="2" t="s">
        <v>239</v>
      </c>
      <c r="B159" s="4" t="s">
        <v>938</v>
      </c>
      <c r="C159" s="12">
        <v>0</v>
      </c>
      <c r="D159" s="12">
        <v>0</v>
      </c>
    </row>
    <row r="160" spans="1:4" x14ac:dyDescent="0.25">
      <c r="A160" s="2" t="s">
        <v>241</v>
      </c>
      <c r="B160" s="4" t="s">
        <v>939</v>
      </c>
      <c r="C160" s="12">
        <v>0</v>
      </c>
      <c r="D160" s="12">
        <v>0</v>
      </c>
    </row>
    <row r="161" spans="1:4" x14ac:dyDescent="0.25">
      <c r="A161" s="3" t="s">
        <v>243</v>
      </c>
      <c r="B161" s="5" t="s">
        <v>940</v>
      </c>
      <c r="C161" s="11">
        <v>185019292.11000001</v>
      </c>
      <c r="D161" s="11">
        <v>9322664.6899999995</v>
      </c>
    </row>
  </sheetData>
  <mergeCells count="62">
    <mergeCell ref="A141:A142"/>
    <mergeCell ref="B141:B142"/>
    <mergeCell ref="C141:C142"/>
    <mergeCell ref="D141:D142"/>
    <mergeCell ref="A147:A148"/>
    <mergeCell ref="B147:B148"/>
    <mergeCell ref="C147:C148"/>
    <mergeCell ref="D147:D148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workbookViewId="0"/>
  </sheetViews>
  <sheetFormatPr defaultRowHeight="15" x14ac:dyDescent="0.25"/>
  <cols>
    <col min="1" max="1" width="3.7109375" bestFit="1" customWidth="1"/>
    <col min="2" max="2" width="107.7109375" customWidth="1"/>
    <col min="3" max="4" width="20.28515625" bestFit="1" customWidth="1"/>
    <col min="5" max="5" width="19.140625" bestFit="1" customWidth="1"/>
    <col min="6" max="6" width="13.7109375" bestFit="1" customWidth="1"/>
    <col min="7" max="7" width="17.28515625" bestFit="1" customWidth="1"/>
    <col min="8" max="8" width="12.140625" bestFit="1" customWidth="1"/>
    <col min="9" max="9" width="17.28515625" bestFit="1" customWidth="1"/>
    <col min="10" max="10" width="11.8554687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941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942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943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1</v>
      </c>
      <c r="F11" s="1" t="s">
        <v>944</v>
      </c>
    </row>
    <row r="12" spans="1:12" x14ac:dyDescent="0.25">
      <c r="A12" s="3" t="s">
        <v>17</v>
      </c>
      <c r="B12" s="5" t="s">
        <v>945</v>
      </c>
      <c r="C12" s="11">
        <v>11668502000</v>
      </c>
      <c r="D12" s="11">
        <v>11668502000</v>
      </c>
      <c r="E12" s="11">
        <v>4114198494.1199999</v>
      </c>
      <c r="F12" s="11">
        <v>35.26</v>
      </c>
    </row>
    <row r="13" spans="1:12" x14ac:dyDescent="0.25">
      <c r="A13" s="3" t="s">
        <v>19</v>
      </c>
      <c r="B13" s="5" t="s">
        <v>946</v>
      </c>
      <c r="C13" s="11">
        <v>9799471900</v>
      </c>
      <c r="D13" s="11">
        <v>9799471900</v>
      </c>
      <c r="E13" s="11">
        <v>3266647512.1500001</v>
      </c>
      <c r="F13" s="11">
        <v>33.33</v>
      </c>
    </row>
    <row r="14" spans="1:12" x14ac:dyDescent="0.25">
      <c r="A14" s="2" t="s">
        <v>21</v>
      </c>
      <c r="B14" s="4" t="s">
        <v>947</v>
      </c>
      <c r="C14" s="12">
        <v>9616410000</v>
      </c>
      <c r="D14" s="12">
        <v>9616410000</v>
      </c>
      <c r="E14" s="12">
        <v>3142554394.21</v>
      </c>
      <c r="F14" s="12">
        <v>32.68</v>
      </c>
    </row>
    <row r="15" spans="1:12" x14ac:dyDescent="0.25">
      <c r="A15" s="2" t="s">
        <v>23</v>
      </c>
      <c r="B15" s="4" t="s">
        <v>948</v>
      </c>
      <c r="C15" s="12">
        <v>99100800</v>
      </c>
      <c r="D15" s="12">
        <v>99100800</v>
      </c>
      <c r="E15" s="12">
        <v>92953076.920000002</v>
      </c>
      <c r="F15" s="12">
        <v>93.8</v>
      </c>
    </row>
    <row r="16" spans="1:12" x14ac:dyDescent="0.25">
      <c r="A16" s="2" t="s">
        <v>25</v>
      </c>
      <c r="B16" s="4" t="s">
        <v>949</v>
      </c>
      <c r="C16" s="12">
        <v>83961100</v>
      </c>
      <c r="D16" s="12">
        <v>83961100</v>
      </c>
      <c r="E16" s="12">
        <v>31140041.02</v>
      </c>
      <c r="F16" s="12">
        <v>37.090000000000003</v>
      </c>
    </row>
    <row r="17" spans="1:6" x14ac:dyDescent="0.25">
      <c r="A17" s="3" t="s">
        <v>27</v>
      </c>
      <c r="B17" s="5" t="s">
        <v>950</v>
      </c>
      <c r="C17" s="11">
        <v>182447900</v>
      </c>
      <c r="D17" s="11">
        <v>182447900</v>
      </c>
      <c r="E17" s="11">
        <v>75333682.060000002</v>
      </c>
      <c r="F17" s="11">
        <v>41.29</v>
      </c>
    </row>
    <row r="18" spans="1:6" x14ac:dyDescent="0.25">
      <c r="A18" s="2" t="s">
        <v>29</v>
      </c>
      <c r="B18" s="4" t="s">
        <v>951</v>
      </c>
      <c r="C18" s="12">
        <v>182447900</v>
      </c>
      <c r="D18" s="12">
        <v>182447900</v>
      </c>
      <c r="E18" s="12">
        <v>74593070.650000006</v>
      </c>
      <c r="F18" s="12">
        <v>40.880000000000003</v>
      </c>
    </row>
    <row r="19" spans="1:6" x14ac:dyDescent="0.25">
      <c r="A19" s="2" t="s">
        <v>31</v>
      </c>
      <c r="B19" s="4" t="s">
        <v>952</v>
      </c>
      <c r="C19" s="12">
        <v>0</v>
      </c>
      <c r="D19" s="12">
        <v>0</v>
      </c>
      <c r="E19" s="12">
        <v>740611.41</v>
      </c>
      <c r="F19" s="12">
        <v>0</v>
      </c>
    </row>
    <row r="20" spans="1:6" x14ac:dyDescent="0.25">
      <c r="A20" s="3" t="s">
        <v>33</v>
      </c>
      <c r="B20" s="5" t="s">
        <v>953</v>
      </c>
      <c r="C20" s="11">
        <v>729934800</v>
      </c>
      <c r="D20" s="11">
        <v>729934800</v>
      </c>
      <c r="E20" s="11">
        <v>514599767.95999998</v>
      </c>
      <c r="F20" s="11">
        <v>70.5</v>
      </c>
    </row>
    <row r="21" spans="1:6" x14ac:dyDescent="0.25">
      <c r="A21" s="2" t="s">
        <v>35</v>
      </c>
      <c r="B21" s="4" t="s">
        <v>954</v>
      </c>
      <c r="C21" s="12">
        <v>682669700</v>
      </c>
      <c r="D21" s="12">
        <v>682669700</v>
      </c>
      <c r="E21" s="12">
        <v>500505336.14999998</v>
      </c>
      <c r="F21" s="12">
        <v>73.319999999999993</v>
      </c>
    </row>
    <row r="22" spans="1:6" x14ac:dyDescent="0.25">
      <c r="A22" s="2" t="s">
        <v>37</v>
      </c>
      <c r="B22" s="4" t="s">
        <v>955</v>
      </c>
      <c r="C22" s="12">
        <v>47265100</v>
      </c>
      <c r="D22" s="12">
        <v>47265100</v>
      </c>
      <c r="E22" s="12">
        <v>14094431.810000001</v>
      </c>
      <c r="F22" s="12">
        <v>29.82</v>
      </c>
    </row>
    <row r="23" spans="1:6" x14ac:dyDescent="0.25">
      <c r="A23" s="2" t="s">
        <v>39</v>
      </c>
      <c r="B23" s="4" t="s">
        <v>956</v>
      </c>
      <c r="C23" s="12">
        <v>956647400</v>
      </c>
      <c r="D23" s="12">
        <v>956647400</v>
      </c>
      <c r="E23" s="12">
        <v>257617531.94999999</v>
      </c>
      <c r="F23" s="12">
        <v>26.93</v>
      </c>
    </row>
    <row r="24" spans="1:6" x14ac:dyDescent="0.25">
      <c r="A24" s="3" t="s">
        <v>41</v>
      </c>
      <c r="B24" s="5" t="s">
        <v>957</v>
      </c>
      <c r="C24" s="11">
        <v>1352553300</v>
      </c>
      <c r="D24" s="11">
        <v>1352553300</v>
      </c>
      <c r="E24" s="11">
        <v>500819533.73000002</v>
      </c>
      <c r="F24" s="11">
        <v>37.03</v>
      </c>
    </row>
    <row r="25" spans="1:6" x14ac:dyDescent="0.25">
      <c r="A25" s="2" t="s">
        <v>43</v>
      </c>
      <c r="B25" s="4" t="s">
        <v>958</v>
      </c>
      <c r="C25" s="12">
        <v>1227705300</v>
      </c>
      <c r="D25" s="12">
        <v>1227705300</v>
      </c>
      <c r="E25" s="12">
        <v>472293178.16000003</v>
      </c>
      <c r="F25" s="12">
        <v>38.47</v>
      </c>
    </row>
    <row r="26" spans="1:6" x14ac:dyDescent="0.25">
      <c r="A26" s="2" t="s">
        <v>45</v>
      </c>
      <c r="B26" s="4" t="s">
        <v>959</v>
      </c>
      <c r="C26" s="12">
        <v>106498000</v>
      </c>
      <c r="D26" s="12">
        <v>106498000</v>
      </c>
      <c r="E26" s="12">
        <v>28526355.57</v>
      </c>
      <c r="F26" s="12">
        <v>26.79</v>
      </c>
    </row>
    <row r="27" spans="1:6" x14ac:dyDescent="0.25">
      <c r="A27" s="3" t="s">
        <v>47</v>
      </c>
      <c r="B27" s="5" t="s">
        <v>960</v>
      </c>
      <c r="C27" s="11">
        <v>18350000</v>
      </c>
      <c r="D27" s="11">
        <v>18350000</v>
      </c>
      <c r="E27" s="11">
        <v>0</v>
      </c>
      <c r="F27" s="11">
        <v>0</v>
      </c>
    </row>
    <row r="28" spans="1:6" x14ac:dyDescent="0.25">
      <c r="A28" s="2" t="s">
        <v>49</v>
      </c>
      <c r="B28" s="4" t="s">
        <v>961</v>
      </c>
      <c r="C28" s="12">
        <v>18350000</v>
      </c>
      <c r="D28" s="12">
        <v>18350000</v>
      </c>
      <c r="E28" s="12">
        <v>0</v>
      </c>
      <c r="F28" s="12">
        <v>0</v>
      </c>
    </row>
    <row r="29" spans="1:6" x14ac:dyDescent="0.25">
      <c r="A29" s="2" t="s">
        <v>51</v>
      </c>
      <c r="B29" s="4" t="s">
        <v>962</v>
      </c>
      <c r="C29" s="12">
        <v>0</v>
      </c>
      <c r="D29" s="12">
        <v>0</v>
      </c>
      <c r="E29" s="12">
        <v>0</v>
      </c>
      <c r="F29" s="12">
        <v>0</v>
      </c>
    </row>
    <row r="30" spans="1:6" x14ac:dyDescent="0.25">
      <c r="A30" s="3" t="s">
        <v>53</v>
      </c>
      <c r="B30" s="5" t="s">
        <v>963</v>
      </c>
      <c r="C30" s="11">
        <v>2820469600</v>
      </c>
      <c r="D30" s="11">
        <v>2820469600</v>
      </c>
      <c r="E30" s="11">
        <v>1073308341.02</v>
      </c>
      <c r="F30" s="11">
        <v>38.049999999999997</v>
      </c>
    </row>
    <row r="31" spans="1:6" x14ac:dyDescent="0.25">
      <c r="A31" s="2" t="s">
        <v>55</v>
      </c>
      <c r="B31" s="4" t="s">
        <v>964</v>
      </c>
      <c r="C31" s="12">
        <v>2428877700</v>
      </c>
      <c r="D31" s="12">
        <v>2428877700</v>
      </c>
      <c r="E31" s="12">
        <v>808876867.77999997</v>
      </c>
      <c r="F31" s="12">
        <v>33.299999999999997</v>
      </c>
    </row>
    <row r="32" spans="1:6" x14ac:dyDescent="0.25">
      <c r="A32" s="2" t="s">
        <v>57</v>
      </c>
      <c r="B32" s="4" t="s">
        <v>965</v>
      </c>
      <c r="C32" s="12">
        <v>364967400</v>
      </c>
      <c r="D32" s="12">
        <v>364967400</v>
      </c>
      <c r="E32" s="12">
        <v>257299884.28999999</v>
      </c>
      <c r="F32" s="12">
        <v>70.5</v>
      </c>
    </row>
    <row r="33" spans="1:10" x14ac:dyDescent="0.25">
      <c r="A33" s="2" t="s">
        <v>59</v>
      </c>
      <c r="B33" s="4" t="s">
        <v>966</v>
      </c>
      <c r="C33" s="12">
        <v>26624500</v>
      </c>
      <c r="D33" s="12">
        <v>26624500</v>
      </c>
      <c r="E33" s="12">
        <v>7131588.9500000002</v>
      </c>
      <c r="F33" s="12">
        <v>26.79</v>
      </c>
    </row>
    <row r="34" spans="1:10" x14ac:dyDescent="0.25">
      <c r="A34" s="3" t="s">
        <v>61</v>
      </c>
      <c r="B34" s="5" t="s">
        <v>967</v>
      </c>
      <c r="C34" s="11">
        <v>10200585700</v>
      </c>
      <c r="D34" s="11">
        <v>10200585700</v>
      </c>
      <c r="E34" s="11">
        <v>3541709686.8299999</v>
      </c>
      <c r="F34" s="11">
        <v>34.72</v>
      </c>
    </row>
    <row r="36" spans="1:10" x14ac:dyDescent="0.25">
      <c r="A36" s="10" t="s">
        <v>6</v>
      </c>
      <c r="B36" s="10" t="s">
        <v>968</v>
      </c>
      <c r="C36" s="10" t="s">
        <v>369</v>
      </c>
      <c r="D36" s="10" t="s">
        <v>969</v>
      </c>
      <c r="E36" s="10" t="s">
        <v>168</v>
      </c>
      <c r="F36" s="10" t="s">
        <v>7</v>
      </c>
      <c r="G36" s="10" t="s">
        <v>172</v>
      </c>
      <c r="H36" s="10" t="s">
        <v>7</v>
      </c>
      <c r="I36" s="10" t="s">
        <v>973</v>
      </c>
      <c r="J36" s="10" t="s">
        <v>973</v>
      </c>
    </row>
    <row r="37" spans="1:10" ht="21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" t="s">
        <v>374</v>
      </c>
      <c r="F37" s="1" t="s">
        <v>970</v>
      </c>
      <c r="G37" s="1" t="s">
        <v>971</v>
      </c>
      <c r="H37" s="1" t="s">
        <v>972</v>
      </c>
      <c r="I37" s="1" t="s">
        <v>170</v>
      </c>
      <c r="J37" s="1" t="s">
        <v>974</v>
      </c>
    </row>
    <row r="38" spans="1:10" x14ac:dyDescent="0.25">
      <c r="A38" s="3" t="s">
        <v>63</v>
      </c>
      <c r="B38" s="5" t="s">
        <v>975</v>
      </c>
      <c r="C38" s="11">
        <v>70490200</v>
      </c>
      <c r="D38" s="11">
        <v>62365200</v>
      </c>
      <c r="E38" s="11">
        <v>29312833.190000001</v>
      </c>
      <c r="F38" s="11">
        <v>47</v>
      </c>
      <c r="G38" s="11">
        <v>21245574.780000001</v>
      </c>
      <c r="H38" s="11">
        <v>34.07</v>
      </c>
      <c r="I38" s="11">
        <v>21228461.969999999</v>
      </c>
      <c r="J38" s="11">
        <v>34.04</v>
      </c>
    </row>
    <row r="39" spans="1:10" x14ac:dyDescent="0.25">
      <c r="A39" s="2" t="s">
        <v>65</v>
      </c>
      <c r="B39" s="4" t="s">
        <v>976</v>
      </c>
      <c r="C39" s="12">
        <v>70490200</v>
      </c>
      <c r="D39" s="12">
        <v>62365200</v>
      </c>
      <c r="E39" s="12">
        <v>29312833.190000001</v>
      </c>
      <c r="F39" s="12">
        <v>47</v>
      </c>
      <c r="G39" s="12">
        <v>21245574.780000001</v>
      </c>
      <c r="H39" s="12">
        <v>34.07</v>
      </c>
      <c r="I39" s="12">
        <v>21228461.969999999</v>
      </c>
      <c r="J39" s="12">
        <v>34.04</v>
      </c>
    </row>
    <row r="40" spans="1:10" x14ac:dyDescent="0.25">
      <c r="A40" s="2" t="s">
        <v>67</v>
      </c>
      <c r="B40" s="4" t="s">
        <v>977</v>
      </c>
      <c r="C40" s="12">
        <v>0</v>
      </c>
      <c r="D40" s="12">
        <v>0</v>
      </c>
      <c r="E40" s="12">
        <v>0</v>
      </c>
      <c r="F40" s="12">
        <v>0</v>
      </c>
      <c r="G40" s="12">
        <v>0</v>
      </c>
      <c r="H40" s="12">
        <v>0</v>
      </c>
      <c r="I40" s="12">
        <v>0</v>
      </c>
      <c r="J40" s="12">
        <v>0</v>
      </c>
    </row>
    <row r="41" spans="1:10" x14ac:dyDescent="0.25">
      <c r="A41" s="3" t="s">
        <v>69</v>
      </c>
      <c r="B41" s="5" t="s">
        <v>978</v>
      </c>
      <c r="C41" s="11">
        <v>690625000</v>
      </c>
      <c r="D41" s="11">
        <v>608813258</v>
      </c>
      <c r="E41" s="11">
        <v>193854200.06</v>
      </c>
      <c r="F41" s="11">
        <v>62.91</v>
      </c>
      <c r="G41" s="11">
        <v>159340229.12</v>
      </c>
      <c r="H41" s="11">
        <v>46.2</v>
      </c>
      <c r="I41" s="11">
        <v>129946299.04000001</v>
      </c>
      <c r="J41" s="11">
        <v>35.549999999999997</v>
      </c>
    </row>
    <row r="42" spans="1:10" x14ac:dyDescent="0.25">
      <c r="A42" s="2" t="s">
        <v>71</v>
      </c>
      <c r="B42" s="4" t="s">
        <v>976</v>
      </c>
      <c r="C42" s="12">
        <v>660235800</v>
      </c>
      <c r="D42" s="12">
        <v>576699058</v>
      </c>
      <c r="E42" s="12">
        <v>183893850.91</v>
      </c>
      <c r="F42" s="12">
        <v>31.89</v>
      </c>
      <c r="G42" s="12">
        <v>153022673.34999999</v>
      </c>
      <c r="H42" s="12">
        <v>26.53</v>
      </c>
      <c r="I42" s="12">
        <v>125517453.92</v>
      </c>
      <c r="J42" s="12">
        <v>21.76</v>
      </c>
    </row>
    <row r="43" spans="1:10" x14ac:dyDescent="0.25">
      <c r="A43" s="2" t="s">
        <v>73</v>
      </c>
      <c r="B43" s="4" t="s">
        <v>979</v>
      </c>
      <c r="C43" s="12">
        <v>30389200</v>
      </c>
      <c r="D43" s="12">
        <v>32114200</v>
      </c>
      <c r="E43" s="12">
        <v>9960349.1500000004</v>
      </c>
      <c r="F43" s="12">
        <v>31.02</v>
      </c>
      <c r="G43" s="12">
        <v>6317555.7699999996</v>
      </c>
      <c r="H43" s="12">
        <v>19.670000000000002</v>
      </c>
      <c r="I43" s="12">
        <v>4428845.12</v>
      </c>
      <c r="J43" s="12">
        <v>13.79</v>
      </c>
    </row>
    <row r="44" spans="1:10" x14ac:dyDescent="0.25">
      <c r="A44" s="3" t="s">
        <v>75</v>
      </c>
      <c r="B44" s="5" t="s">
        <v>980</v>
      </c>
      <c r="C44" s="11">
        <v>54206700</v>
      </c>
      <c r="D44" s="11">
        <v>53913700</v>
      </c>
      <c r="E44" s="11">
        <v>8818357.8800000008</v>
      </c>
      <c r="F44" s="11">
        <v>16.36</v>
      </c>
      <c r="G44" s="11">
        <v>6113911.1100000003</v>
      </c>
      <c r="H44" s="11">
        <v>11.34</v>
      </c>
      <c r="I44" s="11">
        <v>1669245.64</v>
      </c>
      <c r="J44" s="11">
        <v>3.1</v>
      </c>
    </row>
    <row r="45" spans="1:10" x14ac:dyDescent="0.25">
      <c r="A45" s="2" t="s">
        <v>77</v>
      </c>
      <c r="B45" s="4" t="s">
        <v>976</v>
      </c>
      <c r="C45" s="12">
        <v>53913700</v>
      </c>
      <c r="D45" s="12">
        <v>53913700</v>
      </c>
      <c r="E45" s="12">
        <v>8818357.8800000008</v>
      </c>
      <c r="F45" s="12">
        <v>16.36</v>
      </c>
      <c r="G45" s="12">
        <v>6113911.1100000003</v>
      </c>
      <c r="H45" s="12">
        <v>11.34</v>
      </c>
      <c r="I45" s="12">
        <v>1669245.64</v>
      </c>
      <c r="J45" s="12">
        <v>3.1</v>
      </c>
    </row>
    <row r="46" spans="1:10" x14ac:dyDescent="0.25">
      <c r="A46" s="2" t="s">
        <v>79</v>
      </c>
      <c r="B46" s="4" t="s">
        <v>979</v>
      </c>
      <c r="C46" s="12">
        <v>293000</v>
      </c>
      <c r="D46" s="12">
        <v>0</v>
      </c>
      <c r="E46" s="12">
        <v>0</v>
      </c>
      <c r="F46" s="12">
        <v>0</v>
      </c>
      <c r="G46" s="12">
        <v>0</v>
      </c>
      <c r="H46" s="12">
        <v>0</v>
      </c>
      <c r="I46" s="12">
        <v>0</v>
      </c>
      <c r="J46" s="12">
        <v>0</v>
      </c>
    </row>
    <row r="47" spans="1:10" x14ac:dyDescent="0.25">
      <c r="A47" s="3" t="s">
        <v>81</v>
      </c>
      <c r="B47" s="5" t="s">
        <v>981</v>
      </c>
      <c r="C47" s="11">
        <v>0</v>
      </c>
      <c r="D47" s="11">
        <v>500000</v>
      </c>
      <c r="E47" s="11">
        <v>0</v>
      </c>
      <c r="F47" s="11">
        <v>0</v>
      </c>
      <c r="G47" s="11">
        <v>0</v>
      </c>
      <c r="H47" s="11">
        <v>0</v>
      </c>
      <c r="I47" s="11">
        <v>0</v>
      </c>
      <c r="J47" s="11">
        <v>0</v>
      </c>
    </row>
    <row r="48" spans="1:10" x14ac:dyDescent="0.25">
      <c r="A48" s="2" t="s">
        <v>83</v>
      </c>
      <c r="B48" s="4" t="s">
        <v>976</v>
      </c>
      <c r="C48" s="12">
        <v>0</v>
      </c>
      <c r="D48" s="12">
        <v>500000</v>
      </c>
      <c r="E48" s="12">
        <v>0</v>
      </c>
      <c r="F48" s="12">
        <v>0</v>
      </c>
      <c r="G48" s="12">
        <v>0</v>
      </c>
      <c r="H48" s="12">
        <v>0</v>
      </c>
      <c r="I48" s="12">
        <v>0</v>
      </c>
      <c r="J48" s="12">
        <v>0</v>
      </c>
    </row>
    <row r="49" spans="1:10" x14ac:dyDescent="0.25">
      <c r="A49" s="2" t="s">
        <v>85</v>
      </c>
      <c r="B49" s="4" t="s">
        <v>979</v>
      </c>
      <c r="C49" s="12">
        <v>0</v>
      </c>
      <c r="D49" s="12">
        <v>0</v>
      </c>
      <c r="E49" s="12">
        <v>0</v>
      </c>
      <c r="F49" s="12">
        <v>0</v>
      </c>
      <c r="G49" s="12">
        <v>0</v>
      </c>
      <c r="H49" s="12">
        <v>0</v>
      </c>
      <c r="I49" s="12">
        <v>0</v>
      </c>
      <c r="J49" s="12">
        <v>0</v>
      </c>
    </row>
    <row r="50" spans="1:10" x14ac:dyDescent="0.25">
      <c r="A50" s="3" t="s">
        <v>87</v>
      </c>
      <c r="B50" s="5" t="s">
        <v>982</v>
      </c>
      <c r="C50" s="11">
        <v>16880900</v>
      </c>
      <c r="D50" s="11">
        <v>78780900</v>
      </c>
      <c r="E50" s="11">
        <v>44738153.039999999</v>
      </c>
      <c r="F50" s="11">
        <v>82.77</v>
      </c>
      <c r="G50" s="11">
        <v>26350590.5</v>
      </c>
      <c r="H50" s="11">
        <v>46.53</v>
      </c>
      <c r="I50" s="11">
        <v>25621252.850000001</v>
      </c>
      <c r="J50" s="11">
        <v>45.31</v>
      </c>
    </row>
    <row r="51" spans="1:10" x14ac:dyDescent="0.25">
      <c r="A51" s="2" t="s">
        <v>89</v>
      </c>
      <c r="B51" s="4" t="s">
        <v>976</v>
      </c>
      <c r="C51" s="12">
        <v>15470900</v>
      </c>
      <c r="D51" s="12">
        <v>61220900</v>
      </c>
      <c r="E51" s="12">
        <v>42350873.68</v>
      </c>
      <c r="F51" s="12">
        <v>69.180000000000007</v>
      </c>
      <c r="G51" s="12">
        <v>25491073.600000001</v>
      </c>
      <c r="H51" s="12">
        <v>41.64</v>
      </c>
      <c r="I51" s="12">
        <v>24769143.960000001</v>
      </c>
      <c r="J51" s="12">
        <v>40.46</v>
      </c>
    </row>
    <row r="52" spans="1:10" x14ac:dyDescent="0.25">
      <c r="A52" s="2" t="s">
        <v>91</v>
      </c>
      <c r="B52" s="4" t="s">
        <v>979</v>
      </c>
      <c r="C52" s="12">
        <v>1410000</v>
      </c>
      <c r="D52" s="12">
        <v>17560000</v>
      </c>
      <c r="E52" s="12">
        <v>2387279.36</v>
      </c>
      <c r="F52" s="12">
        <v>13.59</v>
      </c>
      <c r="G52" s="12">
        <v>859516.9</v>
      </c>
      <c r="H52" s="12">
        <v>4.8899999999999997</v>
      </c>
      <c r="I52" s="12">
        <v>852108.89</v>
      </c>
      <c r="J52" s="12">
        <v>4.8499999999999996</v>
      </c>
    </row>
    <row r="53" spans="1:10" x14ac:dyDescent="0.25">
      <c r="A53" s="3" t="s">
        <v>93</v>
      </c>
      <c r="B53" s="5" t="s">
        <v>983</v>
      </c>
      <c r="C53" s="11">
        <v>33937000</v>
      </c>
      <c r="D53" s="11">
        <v>33937000</v>
      </c>
      <c r="E53" s="11">
        <v>10182158.4</v>
      </c>
      <c r="F53" s="11">
        <v>30</v>
      </c>
      <c r="G53" s="11">
        <v>7643430</v>
      </c>
      <c r="H53" s="11">
        <v>22.52</v>
      </c>
      <c r="I53" s="11">
        <v>7643430</v>
      </c>
      <c r="J53" s="11">
        <v>22.52</v>
      </c>
    </row>
    <row r="54" spans="1:10" x14ac:dyDescent="0.25">
      <c r="A54" s="2" t="s">
        <v>95</v>
      </c>
      <c r="B54" s="4" t="s">
        <v>976</v>
      </c>
      <c r="C54" s="12">
        <v>33937000</v>
      </c>
      <c r="D54" s="12">
        <v>33937000</v>
      </c>
      <c r="E54" s="12">
        <v>10182158.4</v>
      </c>
      <c r="F54" s="12">
        <v>30</v>
      </c>
      <c r="G54" s="12">
        <v>7643430</v>
      </c>
      <c r="H54" s="12">
        <v>22.52</v>
      </c>
      <c r="I54" s="12">
        <v>7643430</v>
      </c>
      <c r="J54" s="12">
        <v>22.52</v>
      </c>
    </row>
    <row r="55" spans="1:10" x14ac:dyDescent="0.25">
      <c r="A55" s="2" t="s">
        <v>97</v>
      </c>
      <c r="B55" s="4" t="s">
        <v>979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</row>
    <row r="56" spans="1:10" x14ac:dyDescent="0.25">
      <c r="A56" s="3" t="s">
        <v>99</v>
      </c>
      <c r="B56" s="5" t="s">
        <v>984</v>
      </c>
      <c r="C56" s="11">
        <v>362395400</v>
      </c>
      <c r="D56" s="11">
        <v>520193488.02999997</v>
      </c>
      <c r="E56" s="11">
        <v>243623352.90000001</v>
      </c>
      <c r="F56" s="11">
        <v>69.72</v>
      </c>
      <c r="G56" s="11">
        <v>229293267.19</v>
      </c>
      <c r="H56" s="11">
        <v>45.83</v>
      </c>
      <c r="I56" s="11">
        <v>206613241.5</v>
      </c>
      <c r="J56" s="11">
        <v>41.18</v>
      </c>
    </row>
    <row r="57" spans="1:10" x14ac:dyDescent="0.25">
      <c r="A57" s="2" t="s">
        <v>101</v>
      </c>
      <c r="B57" s="4" t="s">
        <v>976</v>
      </c>
      <c r="C57" s="12">
        <v>349092400</v>
      </c>
      <c r="D57" s="12">
        <v>508302488.02999997</v>
      </c>
      <c r="E57" s="12">
        <v>240970286.36000001</v>
      </c>
      <c r="F57" s="12">
        <v>47.41</v>
      </c>
      <c r="G57" s="12">
        <v>229204952.71000001</v>
      </c>
      <c r="H57" s="12">
        <v>45.09</v>
      </c>
      <c r="I57" s="12">
        <v>206547787.02000001</v>
      </c>
      <c r="J57" s="12">
        <v>40.630000000000003</v>
      </c>
    </row>
    <row r="58" spans="1:10" x14ac:dyDescent="0.25">
      <c r="A58" s="2" t="s">
        <v>103</v>
      </c>
      <c r="B58" s="4" t="s">
        <v>979</v>
      </c>
      <c r="C58" s="12">
        <v>13303000</v>
      </c>
      <c r="D58" s="12">
        <v>11891000</v>
      </c>
      <c r="E58" s="12">
        <v>2653066.54</v>
      </c>
      <c r="F58" s="12">
        <v>22.31</v>
      </c>
      <c r="G58" s="12">
        <v>88314.48</v>
      </c>
      <c r="H58" s="12">
        <v>0.74</v>
      </c>
      <c r="I58" s="12">
        <v>65454.48</v>
      </c>
      <c r="J58" s="12">
        <v>0.55000000000000004</v>
      </c>
    </row>
    <row r="59" spans="1:10" x14ac:dyDescent="0.25">
      <c r="A59" s="3" t="s">
        <v>105</v>
      </c>
      <c r="B59" s="5" t="s">
        <v>985</v>
      </c>
      <c r="C59" s="11">
        <v>1228535200</v>
      </c>
      <c r="D59" s="11">
        <v>1358503546.03</v>
      </c>
      <c r="E59" s="11">
        <v>530529055.47000003</v>
      </c>
      <c r="F59" s="11">
        <v>39.049999999999997</v>
      </c>
      <c r="G59" s="11">
        <v>449987002.69999999</v>
      </c>
      <c r="H59" s="11">
        <v>33.119999999999997</v>
      </c>
      <c r="I59" s="11">
        <v>392721931</v>
      </c>
      <c r="J59" s="11">
        <v>28.91</v>
      </c>
    </row>
    <row r="61" spans="1:10" x14ac:dyDescent="0.25">
      <c r="A61" s="10" t="s">
        <v>6</v>
      </c>
      <c r="B61" s="10" t="s">
        <v>986</v>
      </c>
      <c r="C61" s="10" t="s">
        <v>987</v>
      </c>
      <c r="D61" s="10" t="s">
        <v>988</v>
      </c>
      <c r="E61" s="10" t="s">
        <v>989</v>
      </c>
    </row>
    <row r="62" spans="1:10" x14ac:dyDescent="0.25">
      <c r="A62" s="10" t="s">
        <v>7</v>
      </c>
      <c r="B62" s="10" t="s">
        <v>7</v>
      </c>
      <c r="C62" s="10" t="s">
        <v>7</v>
      </c>
      <c r="D62" s="10" t="s">
        <v>7</v>
      </c>
      <c r="E62" s="10" t="s">
        <v>7</v>
      </c>
    </row>
    <row r="63" spans="1:10" x14ac:dyDescent="0.25">
      <c r="A63" s="2" t="s">
        <v>107</v>
      </c>
      <c r="B63" s="4" t="s">
        <v>990</v>
      </c>
      <c r="C63" s="12">
        <v>530529055.47000003</v>
      </c>
      <c r="D63" s="12">
        <v>449987002.69999999</v>
      </c>
      <c r="E63" s="12">
        <v>392721931</v>
      </c>
    </row>
    <row r="64" spans="1:10" x14ac:dyDescent="0.25">
      <c r="A64" s="2" t="s">
        <v>109</v>
      </c>
      <c r="B64" s="4" t="s">
        <v>991</v>
      </c>
      <c r="C64" s="12">
        <v>0</v>
      </c>
      <c r="D64" s="12">
        <v>0</v>
      </c>
      <c r="E64" s="12">
        <v>0</v>
      </c>
    </row>
    <row r="65" spans="1:5" x14ac:dyDescent="0.25">
      <c r="A65" s="2" t="s">
        <v>111</v>
      </c>
      <c r="B65" s="4" t="s">
        <v>992</v>
      </c>
      <c r="C65" s="12">
        <v>0</v>
      </c>
      <c r="D65" s="12">
        <v>0</v>
      </c>
      <c r="E65" s="12">
        <v>0</v>
      </c>
    </row>
    <row r="66" spans="1:5" x14ac:dyDescent="0.25">
      <c r="A66" s="2" t="s">
        <v>113</v>
      </c>
      <c r="B66" s="4" t="s">
        <v>993</v>
      </c>
      <c r="C66" s="12">
        <v>0</v>
      </c>
      <c r="D66" s="12">
        <v>0</v>
      </c>
      <c r="E66" s="12">
        <v>0</v>
      </c>
    </row>
    <row r="67" spans="1:5" x14ac:dyDescent="0.25">
      <c r="A67" s="2" t="s">
        <v>115</v>
      </c>
      <c r="B67" s="4" t="s">
        <v>994</v>
      </c>
      <c r="C67" s="12">
        <v>530529055.47000003</v>
      </c>
      <c r="D67" s="12">
        <v>449987002.69999999</v>
      </c>
      <c r="E67" s="12">
        <v>392721931</v>
      </c>
    </row>
    <row r="69" spans="1:5" x14ac:dyDescent="0.25">
      <c r="A69" s="10" t="s">
        <v>6</v>
      </c>
      <c r="B69" s="10" t="s">
        <v>995</v>
      </c>
      <c r="C69" s="10" t="s">
        <v>996</v>
      </c>
    </row>
    <row r="70" spans="1:5" x14ac:dyDescent="0.25">
      <c r="A70" s="10" t="s">
        <v>7</v>
      </c>
      <c r="B70" s="10" t="s">
        <v>7</v>
      </c>
      <c r="C70" s="10" t="s">
        <v>7</v>
      </c>
    </row>
    <row r="71" spans="1:5" x14ac:dyDescent="0.25">
      <c r="A71" s="2" t="s">
        <v>117</v>
      </c>
      <c r="B71" s="4" t="s">
        <v>997</v>
      </c>
      <c r="C71" s="12">
        <v>425005162.42000002</v>
      </c>
    </row>
    <row r="72" spans="1:5" x14ac:dyDescent="0.25">
      <c r="A72" s="2" t="s">
        <v>119</v>
      </c>
      <c r="B72" s="4" t="s">
        <v>998</v>
      </c>
      <c r="C72" s="12">
        <v>0</v>
      </c>
    </row>
    <row r="74" spans="1:5" x14ac:dyDescent="0.25">
      <c r="A74" s="10" t="s">
        <v>6</v>
      </c>
      <c r="B74" s="10" t="s">
        <v>999</v>
      </c>
      <c r="C74" s="10" t="s">
        <v>987</v>
      </c>
      <c r="D74" s="10" t="s">
        <v>988</v>
      </c>
      <c r="E74" s="10" t="s">
        <v>989</v>
      </c>
    </row>
    <row r="75" spans="1:5" x14ac:dyDescent="0.25">
      <c r="A75" s="10" t="s">
        <v>7</v>
      </c>
      <c r="B75" s="10" t="s">
        <v>7</v>
      </c>
      <c r="C75" s="10" t="s">
        <v>7</v>
      </c>
      <c r="D75" s="10" t="s">
        <v>7</v>
      </c>
      <c r="E75" s="10" t="s">
        <v>7</v>
      </c>
    </row>
    <row r="76" spans="1:5" x14ac:dyDescent="0.25">
      <c r="A76" s="2" t="s">
        <v>120</v>
      </c>
      <c r="B76" s="4" t="s">
        <v>1000</v>
      </c>
      <c r="C76" s="12">
        <v>105523893.05</v>
      </c>
      <c r="D76" s="12">
        <v>24981840.280000001</v>
      </c>
      <c r="E76" s="12">
        <v>-32283231.420000002</v>
      </c>
    </row>
    <row r="78" spans="1:5" x14ac:dyDescent="0.25">
      <c r="A78" s="10" t="s">
        <v>6</v>
      </c>
      <c r="B78" s="10" t="s">
        <v>1001</v>
      </c>
      <c r="C78" s="10" t="s">
        <v>1001</v>
      </c>
    </row>
    <row r="79" spans="1:5" x14ac:dyDescent="0.25">
      <c r="A79" s="10" t="s">
        <v>7</v>
      </c>
      <c r="B79" s="10" t="s">
        <v>7</v>
      </c>
      <c r="C79" s="10" t="s">
        <v>7</v>
      </c>
    </row>
    <row r="80" spans="1:5" x14ac:dyDescent="0.25">
      <c r="A80" s="2" t="s">
        <v>121</v>
      </c>
      <c r="B80" s="4" t="s">
        <v>1002</v>
      </c>
      <c r="C80" s="12">
        <v>24981840.280000001</v>
      </c>
    </row>
    <row r="82" spans="1:12" x14ac:dyDescent="0.25">
      <c r="A82" s="10" t="s">
        <v>6</v>
      </c>
      <c r="B82" s="10" t="s">
        <v>1003</v>
      </c>
      <c r="C82" s="10" t="s">
        <v>987</v>
      </c>
      <c r="D82" s="10" t="s">
        <v>988</v>
      </c>
    </row>
    <row r="83" spans="1:12" x14ac:dyDescent="0.25">
      <c r="A83" s="10" t="s">
        <v>7</v>
      </c>
      <c r="B83" s="10" t="s">
        <v>7</v>
      </c>
      <c r="C83" s="10" t="s">
        <v>7</v>
      </c>
      <c r="D83" s="10" t="s">
        <v>7</v>
      </c>
    </row>
    <row r="84" spans="1:12" x14ac:dyDescent="0.25">
      <c r="A84" s="2" t="s">
        <v>122</v>
      </c>
      <c r="B84" s="4" t="s">
        <v>1004</v>
      </c>
      <c r="C84" s="12">
        <v>14.98</v>
      </c>
      <c r="D84" s="12">
        <v>12.71</v>
      </c>
    </row>
    <row r="86" spans="1:12" x14ac:dyDescent="0.25">
      <c r="A86" s="10" t="s">
        <v>6</v>
      </c>
      <c r="B86" s="10" t="s">
        <v>1005</v>
      </c>
      <c r="C86" s="10" t="s">
        <v>1006</v>
      </c>
      <c r="D86" s="10" t="s">
        <v>1007</v>
      </c>
      <c r="E86" s="10" t="s">
        <v>7</v>
      </c>
      <c r="F86" s="10" t="s">
        <v>7</v>
      </c>
      <c r="G86" s="10" t="s">
        <v>1011</v>
      </c>
    </row>
    <row r="87" spans="1:12" ht="21" x14ac:dyDescent="0.25">
      <c r="A87" s="10" t="s">
        <v>7</v>
      </c>
      <c r="B87" s="10" t="s">
        <v>7</v>
      </c>
      <c r="C87" s="10" t="s">
        <v>7</v>
      </c>
      <c r="D87" s="1" t="s">
        <v>1008</v>
      </c>
      <c r="E87" s="1" t="s">
        <v>1009</v>
      </c>
      <c r="F87" s="1" t="s">
        <v>1010</v>
      </c>
      <c r="G87" s="10" t="s">
        <v>7</v>
      </c>
    </row>
    <row r="88" spans="1:12" x14ac:dyDescent="0.25">
      <c r="A88" s="2" t="s">
        <v>123</v>
      </c>
      <c r="B88" s="4" t="s">
        <v>1012</v>
      </c>
      <c r="C88" s="12">
        <v>0</v>
      </c>
      <c r="D88" s="12">
        <v>0</v>
      </c>
      <c r="E88" s="12">
        <v>0</v>
      </c>
      <c r="F88" s="12">
        <v>0</v>
      </c>
      <c r="G88" s="12">
        <v>0</v>
      </c>
    </row>
    <row r="89" spans="1:12" x14ac:dyDescent="0.25">
      <c r="A89" s="2" t="s">
        <v>124</v>
      </c>
      <c r="B89" s="4" t="s">
        <v>1013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</row>
    <row r="90" spans="1:12" x14ac:dyDescent="0.25">
      <c r="A90" s="2" t="s">
        <v>125</v>
      </c>
      <c r="B90" s="4" t="s">
        <v>1014</v>
      </c>
      <c r="C90" s="12">
        <v>0</v>
      </c>
      <c r="D90" s="12">
        <v>0</v>
      </c>
      <c r="E90" s="12">
        <v>0</v>
      </c>
      <c r="F90" s="12">
        <v>0</v>
      </c>
      <c r="G90" s="12">
        <v>0</v>
      </c>
    </row>
    <row r="91" spans="1:12" x14ac:dyDescent="0.25">
      <c r="A91" s="2" t="s">
        <v>126</v>
      </c>
      <c r="B91" s="4" t="s">
        <v>1015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</row>
    <row r="93" spans="1:12" x14ac:dyDescent="0.25">
      <c r="A93" s="10" t="s">
        <v>6</v>
      </c>
      <c r="B93" s="10" t="s">
        <v>1016</v>
      </c>
      <c r="C93" s="10" t="s">
        <v>1017</v>
      </c>
      <c r="D93" s="10" t="s">
        <v>1018</v>
      </c>
      <c r="E93" s="10" t="s">
        <v>1019</v>
      </c>
      <c r="F93" s="10" t="s">
        <v>1020</v>
      </c>
      <c r="G93" s="10" t="s">
        <v>1021</v>
      </c>
      <c r="H93" s="10" t="s">
        <v>1022</v>
      </c>
      <c r="I93" s="10" t="s">
        <v>1023</v>
      </c>
      <c r="J93" s="10" t="s">
        <v>1024</v>
      </c>
      <c r="K93" s="10" t="s">
        <v>1025</v>
      </c>
      <c r="L93" s="10" t="s">
        <v>1026</v>
      </c>
    </row>
    <row r="94" spans="1:12" x14ac:dyDescent="0.25">
      <c r="A94" s="10" t="s">
        <v>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0" t="s">
        <v>7</v>
      </c>
      <c r="H94" s="10" t="s">
        <v>7</v>
      </c>
      <c r="I94" s="10" t="s">
        <v>7</v>
      </c>
      <c r="J94" s="10" t="s">
        <v>7</v>
      </c>
      <c r="K94" s="10" t="s">
        <v>7</v>
      </c>
      <c r="L94" s="10" t="s">
        <v>7</v>
      </c>
    </row>
    <row r="95" spans="1:12" x14ac:dyDescent="0.25">
      <c r="A95" s="2" t="s">
        <v>127</v>
      </c>
      <c r="B95" s="4" t="s">
        <v>1027</v>
      </c>
      <c r="C95" s="12">
        <v>0</v>
      </c>
      <c r="D95" s="12">
        <v>0</v>
      </c>
      <c r="E95" s="12">
        <v>0</v>
      </c>
      <c r="F95" s="12">
        <v>0</v>
      </c>
      <c r="G95" s="12">
        <v>0</v>
      </c>
      <c r="H95" s="12">
        <v>0</v>
      </c>
      <c r="I95" s="12">
        <v>0</v>
      </c>
      <c r="J95" s="12">
        <v>0</v>
      </c>
      <c r="K95" s="12">
        <v>0</v>
      </c>
      <c r="L95" s="12">
        <v>0</v>
      </c>
    </row>
    <row r="96" spans="1:12" x14ac:dyDescent="0.25">
      <c r="A96" s="2" t="s">
        <v>129</v>
      </c>
      <c r="B96" s="4" t="s">
        <v>1028</v>
      </c>
      <c r="C96" s="12">
        <v>0</v>
      </c>
      <c r="D96" s="12">
        <v>0</v>
      </c>
      <c r="E96" s="12">
        <v>0</v>
      </c>
      <c r="F96" s="12">
        <v>0</v>
      </c>
      <c r="G96" s="12">
        <v>0</v>
      </c>
      <c r="H96" s="12">
        <v>0</v>
      </c>
      <c r="I96" s="12">
        <v>0</v>
      </c>
      <c r="J96" s="12">
        <v>0</v>
      </c>
      <c r="K96" s="12">
        <v>0</v>
      </c>
      <c r="L96" s="12">
        <v>0</v>
      </c>
    </row>
    <row r="97" spans="1:12" x14ac:dyDescent="0.25">
      <c r="A97" s="2" t="s">
        <v>131</v>
      </c>
      <c r="B97" s="4" t="s">
        <v>1029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2" t="s">
        <v>133</v>
      </c>
      <c r="B98" s="4" t="s">
        <v>1030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  <c r="H98" s="12">
        <v>0</v>
      </c>
      <c r="I98" s="12">
        <v>0</v>
      </c>
      <c r="J98" s="12">
        <v>0</v>
      </c>
      <c r="K98" s="12">
        <v>0</v>
      </c>
      <c r="L98" s="12">
        <v>0</v>
      </c>
    </row>
    <row r="99" spans="1:12" x14ac:dyDescent="0.25">
      <c r="A99" s="2" t="s">
        <v>135</v>
      </c>
      <c r="B99" s="4" t="s">
        <v>1031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  <c r="H99" s="12">
        <v>0</v>
      </c>
      <c r="I99" s="12">
        <v>0</v>
      </c>
      <c r="J99" s="12">
        <v>0</v>
      </c>
      <c r="K99" s="12">
        <v>0</v>
      </c>
      <c r="L99" s="12">
        <v>0</v>
      </c>
    </row>
    <row r="101" spans="1:12" x14ac:dyDescent="0.25">
      <c r="A101" s="10" t="s">
        <v>6</v>
      </c>
      <c r="B101" s="10" t="s">
        <v>1032</v>
      </c>
      <c r="C101" s="10" t="s">
        <v>711</v>
      </c>
    </row>
    <row r="102" spans="1:12" x14ac:dyDescent="0.25">
      <c r="A102" s="10" t="s">
        <v>7</v>
      </c>
      <c r="B102" s="10" t="s">
        <v>7</v>
      </c>
      <c r="C102" s="10" t="s">
        <v>7</v>
      </c>
    </row>
    <row r="103" spans="1:12" x14ac:dyDescent="0.25">
      <c r="A103" s="2" t="s">
        <v>137</v>
      </c>
      <c r="B103" s="4" t="s">
        <v>1033</v>
      </c>
      <c r="C103" s="12">
        <v>0</v>
      </c>
    </row>
    <row r="104" spans="1:12" x14ac:dyDescent="0.25">
      <c r="A104" s="2" t="s">
        <v>139</v>
      </c>
      <c r="B104" s="4" t="s">
        <v>1034</v>
      </c>
      <c r="C104" s="12">
        <v>0</v>
      </c>
    </row>
    <row r="105" spans="1:12" x14ac:dyDescent="0.25">
      <c r="A105" s="2" t="s">
        <v>141</v>
      </c>
      <c r="B105" s="4" t="s">
        <v>1035</v>
      </c>
      <c r="C105" s="12">
        <v>0</v>
      </c>
    </row>
    <row r="107" spans="1:12" x14ac:dyDescent="0.25">
      <c r="A107" s="10" t="s">
        <v>6</v>
      </c>
      <c r="B107" s="10" t="s">
        <v>1036</v>
      </c>
      <c r="C107" s="10" t="s">
        <v>1037</v>
      </c>
      <c r="D107" s="10" t="s">
        <v>1007</v>
      </c>
      <c r="E107" s="10" t="s">
        <v>7</v>
      </c>
      <c r="F107" s="10" t="s">
        <v>7</v>
      </c>
      <c r="G107" s="10" t="s">
        <v>1041</v>
      </c>
    </row>
    <row r="108" spans="1:12" ht="21" x14ac:dyDescent="0.25">
      <c r="A108" s="10" t="s">
        <v>7</v>
      </c>
      <c r="B108" s="10" t="s">
        <v>7</v>
      </c>
      <c r="C108" s="10" t="s">
        <v>7</v>
      </c>
      <c r="D108" s="1" t="s">
        <v>1038</v>
      </c>
      <c r="E108" s="1" t="s">
        <v>1039</v>
      </c>
      <c r="F108" s="1" t="s">
        <v>1040</v>
      </c>
      <c r="G108" s="10" t="s">
        <v>7</v>
      </c>
    </row>
    <row r="109" spans="1:12" x14ac:dyDescent="0.25">
      <c r="A109" s="2" t="s">
        <v>143</v>
      </c>
      <c r="B109" s="4" t="s">
        <v>1042</v>
      </c>
      <c r="C109" s="12">
        <v>0</v>
      </c>
      <c r="D109" s="12">
        <v>0</v>
      </c>
      <c r="E109" s="12">
        <v>0</v>
      </c>
      <c r="F109" s="12">
        <v>0</v>
      </c>
      <c r="G109" s="12">
        <v>0</v>
      </c>
    </row>
    <row r="110" spans="1:12" x14ac:dyDescent="0.25">
      <c r="A110" s="2" t="s">
        <v>145</v>
      </c>
      <c r="B110" s="4" t="s">
        <v>1043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</row>
    <row r="111" spans="1:12" x14ac:dyDescent="0.25">
      <c r="A111" s="2" t="s">
        <v>147</v>
      </c>
      <c r="B111" s="4" t="s">
        <v>1044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</row>
    <row r="112" spans="1:12" x14ac:dyDescent="0.25">
      <c r="A112" s="2" t="s">
        <v>149</v>
      </c>
      <c r="B112" s="4" t="s">
        <v>1045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</row>
    <row r="114" spans="1:10" x14ac:dyDescent="0.25">
      <c r="A114" s="10" t="s">
        <v>6</v>
      </c>
      <c r="B114" s="10" t="s">
        <v>1046</v>
      </c>
      <c r="C114" s="10" t="s">
        <v>9</v>
      </c>
      <c r="D114" s="10" t="s">
        <v>10</v>
      </c>
      <c r="E114" s="10" t="s">
        <v>11</v>
      </c>
      <c r="F114" s="10" t="s">
        <v>11</v>
      </c>
    </row>
    <row r="115" spans="1:10" ht="21" x14ac:dyDescent="0.25">
      <c r="A115" s="10" t="s">
        <v>7</v>
      </c>
      <c r="B115" s="10" t="s">
        <v>7</v>
      </c>
      <c r="C115" s="10" t="s">
        <v>7</v>
      </c>
      <c r="D115" s="10" t="s">
        <v>7</v>
      </c>
      <c r="E115" s="1" t="s">
        <v>1047</v>
      </c>
      <c r="F115" s="1" t="s">
        <v>944</v>
      </c>
    </row>
    <row r="116" spans="1:10" x14ac:dyDescent="0.25">
      <c r="A116" s="3" t="s">
        <v>151</v>
      </c>
      <c r="B116" s="5" t="s">
        <v>1048</v>
      </c>
      <c r="C116" s="11">
        <v>324666100</v>
      </c>
      <c r="D116" s="11">
        <v>324666100</v>
      </c>
      <c r="E116" s="11">
        <v>116938344.90000001</v>
      </c>
      <c r="F116" s="11">
        <v>36.020000000000003</v>
      </c>
    </row>
    <row r="117" spans="1:10" x14ac:dyDescent="0.25">
      <c r="A117" s="2" t="s">
        <v>152</v>
      </c>
      <c r="B117" s="4" t="s">
        <v>1049</v>
      </c>
      <c r="C117" s="12">
        <v>324666100</v>
      </c>
      <c r="D117" s="12">
        <v>324666100</v>
      </c>
      <c r="E117" s="12">
        <v>116938344.90000001</v>
      </c>
      <c r="F117" s="12">
        <v>36.020000000000003</v>
      </c>
    </row>
    <row r="118" spans="1:10" x14ac:dyDescent="0.25">
      <c r="A118" s="2" t="s">
        <v>153</v>
      </c>
      <c r="B118" s="4" t="s">
        <v>1050</v>
      </c>
      <c r="C118" s="12">
        <v>0</v>
      </c>
      <c r="D118" s="12">
        <v>0</v>
      </c>
      <c r="E118" s="12">
        <v>0</v>
      </c>
      <c r="F118" s="12">
        <v>0</v>
      </c>
    </row>
    <row r="119" spans="1:10" x14ac:dyDescent="0.25">
      <c r="A119" s="2" t="s">
        <v>155</v>
      </c>
      <c r="B119" s="4" t="s">
        <v>1051</v>
      </c>
      <c r="C119" s="12">
        <v>0</v>
      </c>
      <c r="D119" s="12">
        <v>0</v>
      </c>
      <c r="E119" s="12">
        <v>0</v>
      </c>
      <c r="F119" s="12">
        <v>0</v>
      </c>
    </row>
    <row r="120" spans="1:10" x14ac:dyDescent="0.25">
      <c r="A120" s="2" t="s">
        <v>157</v>
      </c>
      <c r="B120" s="4" t="s">
        <v>1052</v>
      </c>
      <c r="C120" s="12">
        <v>0</v>
      </c>
      <c r="D120" s="12">
        <v>0</v>
      </c>
      <c r="E120" s="12">
        <v>0</v>
      </c>
      <c r="F120" s="12">
        <v>0</v>
      </c>
    </row>
    <row r="121" spans="1:10" x14ac:dyDescent="0.25">
      <c r="A121" s="2" t="s">
        <v>159</v>
      </c>
      <c r="B121" s="4" t="s">
        <v>1053</v>
      </c>
      <c r="C121" s="12">
        <v>680100</v>
      </c>
      <c r="D121" s="12">
        <v>680100</v>
      </c>
      <c r="E121" s="12">
        <v>126315.83</v>
      </c>
      <c r="F121" s="12">
        <v>18.57</v>
      </c>
    </row>
    <row r="122" spans="1:10" x14ac:dyDescent="0.25">
      <c r="A122" s="3" t="s">
        <v>161</v>
      </c>
      <c r="B122" s="5" t="s">
        <v>1054</v>
      </c>
      <c r="C122" s="11">
        <v>325346200</v>
      </c>
      <c r="D122" s="11">
        <v>325346200</v>
      </c>
      <c r="E122" s="11">
        <v>117064660.73</v>
      </c>
      <c r="F122" s="11">
        <v>35.979999999999997</v>
      </c>
    </row>
    <row r="124" spans="1:10" x14ac:dyDescent="0.25">
      <c r="A124" s="10" t="s">
        <v>6</v>
      </c>
      <c r="B124" s="10" t="s">
        <v>1055</v>
      </c>
      <c r="C124" s="10" t="s">
        <v>369</v>
      </c>
      <c r="D124" s="10" t="s">
        <v>969</v>
      </c>
      <c r="E124" s="10" t="s">
        <v>168</v>
      </c>
      <c r="F124" s="10" t="s">
        <v>7</v>
      </c>
      <c r="G124" s="10" t="s">
        <v>172</v>
      </c>
      <c r="H124" s="10" t="s">
        <v>7</v>
      </c>
      <c r="I124" s="10" t="s">
        <v>973</v>
      </c>
      <c r="J124" s="10" t="s">
        <v>973</v>
      </c>
    </row>
    <row r="125" spans="1:10" ht="21" x14ac:dyDescent="0.25">
      <c r="A125" s="10" t="s">
        <v>7</v>
      </c>
      <c r="B125" s="10" t="s">
        <v>7</v>
      </c>
      <c r="C125" s="10" t="s">
        <v>7</v>
      </c>
      <c r="D125" s="10" t="s">
        <v>7</v>
      </c>
      <c r="E125" s="1" t="s">
        <v>374</v>
      </c>
      <c r="F125" s="1" t="s">
        <v>970</v>
      </c>
      <c r="G125" s="1" t="s">
        <v>971</v>
      </c>
      <c r="H125" s="1" t="s">
        <v>972</v>
      </c>
      <c r="I125" s="1" t="s">
        <v>170</v>
      </c>
      <c r="J125" s="1" t="s">
        <v>974</v>
      </c>
    </row>
    <row r="126" spans="1:10" x14ac:dyDescent="0.25">
      <c r="A126" s="3" t="s">
        <v>163</v>
      </c>
      <c r="B126" s="5" t="s">
        <v>1056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</row>
    <row r="127" spans="1:10" x14ac:dyDescent="0.25">
      <c r="A127" s="2" t="s">
        <v>176</v>
      </c>
      <c r="B127" s="4" t="s">
        <v>976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  <c r="J127" s="12">
        <v>0</v>
      </c>
    </row>
    <row r="128" spans="1:10" x14ac:dyDescent="0.25">
      <c r="A128" s="2" t="s">
        <v>178</v>
      </c>
      <c r="B128" s="4" t="s">
        <v>977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</row>
    <row r="129" spans="1:10" x14ac:dyDescent="0.25">
      <c r="A129" s="3" t="s">
        <v>180</v>
      </c>
      <c r="B129" s="5" t="s">
        <v>1057</v>
      </c>
      <c r="C129" s="11">
        <v>272245800</v>
      </c>
      <c r="D129" s="11">
        <v>318052582</v>
      </c>
      <c r="E129" s="11">
        <v>58963453.549999997</v>
      </c>
      <c r="F129" s="11">
        <v>18.54</v>
      </c>
      <c r="G129" s="11">
        <v>34526419.07</v>
      </c>
      <c r="H129" s="11">
        <v>10.86</v>
      </c>
      <c r="I129" s="11">
        <v>33222738.93</v>
      </c>
      <c r="J129" s="11">
        <v>10.45</v>
      </c>
    </row>
    <row r="130" spans="1:10" x14ac:dyDescent="0.25">
      <c r="A130" s="2" t="s">
        <v>182</v>
      </c>
      <c r="B130" s="4" t="s">
        <v>976</v>
      </c>
      <c r="C130" s="12">
        <v>192406500</v>
      </c>
      <c r="D130" s="12">
        <v>200930685</v>
      </c>
      <c r="E130" s="12">
        <v>52133258.149999999</v>
      </c>
      <c r="F130" s="12">
        <v>25.95</v>
      </c>
      <c r="G130" s="12">
        <v>31486495.579999998</v>
      </c>
      <c r="H130" s="12">
        <v>15.67</v>
      </c>
      <c r="I130" s="12">
        <v>30187728.600000001</v>
      </c>
      <c r="J130" s="12">
        <v>15.02</v>
      </c>
    </row>
    <row r="131" spans="1:10" x14ac:dyDescent="0.25">
      <c r="A131" s="2" t="s">
        <v>184</v>
      </c>
      <c r="B131" s="4" t="s">
        <v>979</v>
      </c>
      <c r="C131" s="12">
        <v>79839300</v>
      </c>
      <c r="D131" s="12">
        <v>117121897</v>
      </c>
      <c r="E131" s="12">
        <v>6830195.4000000004</v>
      </c>
      <c r="F131" s="12">
        <v>5.83</v>
      </c>
      <c r="G131" s="12">
        <v>3039923.49</v>
      </c>
      <c r="H131" s="12">
        <v>2.6</v>
      </c>
      <c r="I131" s="12">
        <v>3035010.33</v>
      </c>
      <c r="J131" s="12">
        <v>2.59</v>
      </c>
    </row>
    <row r="132" spans="1:10" x14ac:dyDescent="0.25">
      <c r="A132" s="3" t="s">
        <v>186</v>
      </c>
      <c r="B132" s="5" t="s">
        <v>1058</v>
      </c>
      <c r="C132" s="11">
        <v>32466400</v>
      </c>
      <c r="D132" s="11">
        <v>35144900</v>
      </c>
      <c r="E132" s="11">
        <v>7532243.3300000001</v>
      </c>
      <c r="F132" s="11">
        <v>21.43</v>
      </c>
      <c r="G132" s="11">
        <v>3971511.4</v>
      </c>
      <c r="H132" s="11">
        <v>11.3</v>
      </c>
      <c r="I132" s="11">
        <v>3722675.9</v>
      </c>
      <c r="J132" s="11">
        <v>10.59</v>
      </c>
    </row>
    <row r="133" spans="1:10" x14ac:dyDescent="0.25">
      <c r="A133" s="2" t="s">
        <v>188</v>
      </c>
      <c r="B133" s="4" t="s">
        <v>976</v>
      </c>
      <c r="C133" s="12">
        <v>32466400</v>
      </c>
      <c r="D133" s="12">
        <v>35144900</v>
      </c>
      <c r="E133" s="12">
        <v>7532243.3300000001</v>
      </c>
      <c r="F133" s="12">
        <v>21.43</v>
      </c>
      <c r="G133" s="12">
        <v>3971511.4</v>
      </c>
      <c r="H133" s="12">
        <v>11.3</v>
      </c>
      <c r="I133" s="12">
        <v>3722675.9</v>
      </c>
      <c r="J133" s="12">
        <v>10.59</v>
      </c>
    </row>
    <row r="134" spans="1:10" x14ac:dyDescent="0.25">
      <c r="A134" s="2" t="s">
        <v>190</v>
      </c>
      <c r="B134" s="4" t="s">
        <v>979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</row>
    <row r="135" spans="1:10" x14ac:dyDescent="0.25">
      <c r="A135" s="3" t="s">
        <v>192</v>
      </c>
      <c r="B135" s="5" t="s">
        <v>1059</v>
      </c>
      <c r="C135" s="11">
        <v>1982000</v>
      </c>
      <c r="D135" s="11">
        <v>1982000</v>
      </c>
      <c r="E135" s="11">
        <v>84958.31</v>
      </c>
      <c r="F135" s="11">
        <v>4.29</v>
      </c>
      <c r="G135" s="11">
        <v>20949.98</v>
      </c>
      <c r="H135" s="11">
        <v>1.06</v>
      </c>
      <c r="I135" s="11">
        <v>20949.98</v>
      </c>
      <c r="J135" s="11">
        <v>1.06</v>
      </c>
    </row>
    <row r="136" spans="1:10" x14ac:dyDescent="0.25">
      <c r="A136" s="2" t="s">
        <v>194</v>
      </c>
      <c r="B136" s="4" t="s">
        <v>976</v>
      </c>
      <c r="C136" s="12">
        <v>1982000</v>
      </c>
      <c r="D136" s="12">
        <v>1982000</v>
      </c>
      <c r="E136" s="12">
        <v>84958.31</v>
      </c>
      <c r="F136" s="12">
        <v>4.29</v>
      </c>
      <c r="G136" s="12">
        <v>20949.98</v>
      </c>
      <c r="H136" s="12">
        <v>1.06</v>
      </c>
      <c r="I136" s="12">
        <v>20949.98</v>
      </c>
      <c r="J136" s="12">
        <v>1.06</v>
      </c>
    </row>
    <row r="137" spans="1:10" x14ac:dyDescent="0.25">
      <c r="A137" s="2" t="s">
        <v>196</v>
      </c>
      <c r="B137" s="4" t="s">
        <v>979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</row>
    <row r="138" spans="1:10" x14ac:dyDescent="0.25">
      <c r="A138" s="3" t="s">
        <v>198</v>
      </c>
      <c r="B138" s="5" t="s">
        <v>1060</v>
      </c>
      <c r="C138" s="11">
        <v>16066600</v>
      </c>
      <c r="D138" s="11">
        <v>38330386</v>
      </c>
      <c r="E138" s="11">
        <v>15043767.449999999</v>
      </c>
      <c r="F138" s="11">
        <v>39.25</v>
      </c>
      <c r="G138" s="11">
        <v>2029009.13</v>
      </c>
      <c r="H138" s="11">
        <v>5.29</v>
      </c>
      <c r="I138" s="11">
        <v>1945722.9</v>
      </c>
      <c r="J138" s="11">
        <v>5.08</v>
      </c>
    </row>
    <row r="139" spans="1:10" x14ac:dyDescent="0.25">
      <c r="A139" s="2" t="s">
        <v>200</v>
      </c>
      <c r="B139" s="4" t="s">
        <v>976</v>
      </c>
      <c r="C139" s="12">
        <v>15033500</v>
      </c>
      <c r="D139" s="12">
        <v>37297286</v>
      </c>
      <c r="E139" s="12">
        <v>15002767.449999999</v>
      </c>
      <c r="F139" s="12">
        <v>40.22</v>
      </c>
      <c r="G139" s="12">
        <v>1988009.13</v>
      </c>
      <c r="H139" s="12">
        <v>5.33</v>
      </c>
      <c r="I139" s="12">
        <v>1904722.9</v>
      </c>
      <c r="J139" s="12">
        <v>5.1100000000000003</v>
      </c>
    </row>
    <row r="140" spans="1:10" x14ac:dyDescent="0.25">
      <c r="A140" s="2" t="s">
        <v>202</v>
      </c>
      <c r="B140" s="4" t="s">
        <v>979</v>
      </c>
      <c r="C140" s="12">
        <v>1033100</v>
      </c>
      <c r="D140" s="12">
        <v>1033100</v>
      </c>
      <c r="E140" s="12">
        <v>41000</v>
      </c>
      <c r="F140" s="12">
        <v>3.97</v>
      </c>
      <c r="G140" s="12">
        <v>41000</v>
      </c>
      <c r="H140" s="12">
        <v>3.97</v>
      </c>
      <c r="I140" s="12">
        <v>41000</v>
      </c>
      <c r="J140" s="12">
        <v>3.97</v>
      </c>
    </row>
    <row r="141" spans="1:10" x14ac:dyDescent="0.25">
      <c r="A141" s="3" t="s">
        <v>204</v>
      </c>
      <c r="B141" s="5" t="s">
        <v>1061</v>
      </c>
      <c r="C141" s="11">
        <v>302500</v>
      </c>
      <c r="D141" s="11">
        <v>302500</v>
      </c>
      <c r="E141" s="11">
        <v>31778.73</v>
      </c>
      <c r="F141" s="11">
        <v>10.51</v>
      </c>
      <c r="G141" s="11">
        <v>4420.18</v>
      </c>
      <c r="H141" s="11">
        <v>1.46</v>
      </c>
      <c r="I141" s="11">
        <v>4420.18</v>
      </c>
      <c r="J141" s="11">
        <v>1.46</v>
      </c>
    </row>
    <row r="142" spans="1:10" x14ac:dyDescent="0.25">
      <c r="A142" s="2" t="s">
        <v>206</v>
      </c>
      <c r="B142" s="4" t="s">
        <v>976</v>
      </c>
      <c r="C142" s="12">
        <v>302500</v>
      </c>
      <c r="D142" s="12">
        <v>302500</v>
      </c>
      <c r="E142" s="12">
        <v>31778.73</v>
      </c>
      <c r="F142" s="12">
        <v>10.51</v>
      </c>
      <c r="G142" s="12">
        <v>4420.18</v>
      </c>
      <c r="H142" s="12">
        <v>1.46</v>
      </c>
      <c r="I142" s="12">
        <v>4420.18</v>
      </c>
      <c r="J142" s="12">
        <v>1.46</v>
      </c>
    </row>
    <row r="143" spans="1:10" x14ac:dyDescent="0.25">
      <c r="A143" s="2" t="s">
        <v>208</v>
      </c>
      <c r="B143" s="4" t="s">
        <v>979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  <c r="H143" s="12">
        <v>0</v>
      </c>
      <c r="I143" s="12">
        <v>0</v>
      </c>
      <c r="J143" s="12">
        <v>0</v>
      </c>
    </row>
    <row r="144" spans="1:10" x14ac:dyDescent="0.25">
      <c r="A144" s="3" t="s">
        <v>210</v>
      </c>
      <c r="B144" s="5" t="s">
        <v>1062</v>
      </c>
      <c r="C144" s="11">
        <v>2585400</v>
      </c>
      <c r="D144" s="11">
        <v>2722400</v>
      </c>
      <c r="E144" s="11">
        <v>266375.19</v>
      </c>
      <c r="F144" s="11">
        <v>9.7799999999999994</v>
      </c>
      <c r="G144" s="11">
        <v>39703.51</v>
      </c>
      <c r="H144" s="11">
        <v>1.46</v>
      </c>
      <c r="I144" s="11">
        <v>29243.11</v>
      </c>
      <c r="J144" s="11">
        <v>1.07</v>
      </c>
    </row>
    <row r="145" spans="1:10" x14ac:dyDescent="0.25">
      <c r="A145" s="2" t="s">
        <v>212</v>
      </c>
      <c r="B145" s="4" t="s">
        <v>976</v>
      </c>
      <c r="C145" s="12">
        <v>2276700</v>
      </c>
      <c r="D145" s="12">
        <v>2413700</v>
      </c>
      <c r="E145" s="12">
        <v>266375.19</v>
      </c>
      <c r="F145" s="12">
        <v>11.04</v>
      </c>
      <c r="G145" s="12">
        <v>39703.51</v>
      </c>
      <c r="H145" s="12">
        <v>1.64</v>
      </c>
      <c r="I145" s="12">
        <v>29243.11</v>
      </c>
      <c r="J145" s="12">
        <v>1.21</v>
      </c>
    </row>
    <row r="146" spans="1:10" x14ac:dyDescent="0.25">
      <c r="A146" s="2" t="s">
        <v>214</v>
      </c>
      <c r="B146" s="4" t="s">
        <v>979</v>
      </c>
      <c r="C146" s="12">
        <v>308700</v>
      </c>
      <c r="D146" s="12">
        <v>30870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  <c r="J146" s="12">
        <v>0</v>
      </c>
    </row>
    <row r="147" spans="1:10" x14ac:dyDescent="0.25">
      <c r="A147" s="3" t="s">
        <v>215</v>
      </c>
      <c r="B147" s="5" t="s">
        <v>1063</v>
      </c>
      <c r="C147" s="11">
        <v>325648700</v>
      </c>
      <c r="D147" s="11">
        <v>396534768</v>
      </c>
      <c r="E147" s="11">
        <v>81922576.560000002</v>
      </c>
      <c r="F147" s="11">
        <v>20.66</v>
      </c>
      <c r="G147" s="11">
        <v>40592013.270000003</v>
      </c>
      <c r="H147" s="11">
        <v>10.24</v>
      </c>
      <c r="I147" s="11">
        <v>38945751</v>
      </c>
      <c r="J147" s="11">
        <v>9.82</v>
      </c>
    </row>
    <row r="149" spans="1:10" x14ac:dyDescent="0.25">
      <c r="A149" s="10" t="s">
        <v>6</v>
      </c>
      <c r="B149" s="10" t="s">
        <v>1064</v>
      </c>
      <c r="C149" s="10" t="s">
        <v>369</v>
      </c>
      <c r="D149" s="10" t="s">
        <v>969</v>
      </c>
      <c r="E149" s="10" t="s">
        <v>168</v>
      </c>
      <c r="F149" s="10" t="s">
        <v>7</v>
      </c>
      <c r="G149" s="10" t="s">
        <v>172</v>
      </c>
      <c r="H149" s="10" t="s">
        <v>7</v>
      </c>
      <c r="I149" s="10" t="s">
        <v>973</v>
      </c>
      <c r="J149" s="10" t="s">
        <v>973</v>
      </c>
    </row>
    <row r="150" spans="1:10" ht="21" x14ac:dyDescent="0.25">
      <c r="A150" s="10" t="s">
        <v>7</v>
      </c>
      <c r="B150" s="10" t="s">
        <v>7</v>
      </c>
      <c r="C150" s="10" t="s">
        <v>7</v>
      </c>
      <c r="D150" s="10" t="s">
        <v>7</v>
      </c>
      <c r="E150" s="1" t="s">
        <v>374</v>
      </c>
      <c r="F150" s="1" t="s">
        <v>970</v>
      </c>
      <c r="G150" s="1" t="s">
        <v>854</v>
      </c>
      <c r="H150" s="1" t="s">
        <v>972</v>
      </c>
      <c r="I150" s="1" t="s">
        <v>170</v>
      </c>
      <c r="J150" s="1" t="s">
        <v>974</v>
      </c>
    </row>
    <row r="151" spans="1:10" x14ac:dyDescent="0.25">
      <c r="A151" s="2" t="s">
        <v>216</v>
      </c>
      <c r="B151" s="4" t="s">
        <v>1065</v>
      </c>
      <c r="C151" s="12">
        <v>70490200</v>
      </c>
      <c r="D151" s="12">
        <v>62365200</v>
      </c>
      <c r="E151" s="12">
        <v>29312833.190000001</v>
      </c>
      <c r="F151" s="12">
        <v>47</v>
      </c>
      <c r="G151" s="12">
        <v>21245574.780000001</v>
      </c>
      <c r="H151" s="12">
        <v>34.07</v>
      </c>
      <c r="I151" s="12">
        <v>21228461.969999999</v>
      </c>
      <c r="J151" s="12">
        <v>34.04</v>
      </c>
    </row>
    <row r="152" spans="1:10" x14ac:dyDescent="0.25">
      <c r="A152" s="2" t="s">
        <v>218</v>
      </c>
      <c r="B152" s="4" t="s">
        <v>1066</v>
      </c>
      <c r="C152" s="12">
        <v>962870800</v>
      </c>
      <c r="D152" s="12">
        <v>926865840</v>
      </c>
      <c r="E152" s="12">
        <v>252817653.61000001</v>
      </c>
      <c r="F152" s="12">
        <v>27.28</v>
      </c>
      <c r="G152" s="12">
        <v>193866648.19</v>
      </c>
      <c r="H152" s="12">
        <v>20.92</v>
      </c>
      <c r="I152" s="12">
        <v>163169037.97</v>
      </c>
      <c r="J152" s="12">
        <v>17.600000000000001</v>
      </c>
    </row>
    <row r="153" spans="1:10" x14ac:dyDescent="0.25">
      <c r="A153" s="2" t="s">
        <v>220</v>
      </c>
      <c r="B153" s="4" t="s">
        <v>1067</v>
      </c>
      <c r="C153" s="12">
        <v>86673100</v>
      </c>
      <c r="D153" s="12">
        <v>89058600</v>
      </c>
      <c r="E153" s="12">
        <v>16350601.210000001</v>
      </c>
      <c r="F153" s="12">
        <v>18.36</v>
      </c>
      <c r="G153" s="12">
        <v>10085422.51</v>
      </c>
      <c r="H153" s="12">
        <v>11.32</v>
      </c>
      <c r="I153" s="12">
        <v>5391921.54</v>
      </c>
      <c r="J153" s="12">
        <v>6.05</v>
      </c>
    </row>
    <row r="154" spans="1:10" x14ac:dyDescent="0.25">
      <c r="A154" s="2" t="s">
        <v>222</v>
      </c>
      <c r="B154" s="4" t="s">
        <v>1068</v>
      </c>
      <c r="C154" s="12">
        <v>1982000</v>
      </c>
      <c r="D154" s="12">
        <v>2482000</v>
      </c>
      <c r="E154" s="12">
        <v>84958.31</v>
      </c>
      <c r="F154" s="12">
        <v>3.42</v>
      </c>
      <c r="G154" s="12">
        <v>20949.98</v>
      </c>
      <c r="H154" s="12">
        <v>0.84</v>
      </c>
      <c r="I154" s="12">
        <v>20949.98</v>
      </c>
      <c r="J154" s="12">
        <v>0.84</v>
      </c>
    </row>
    <row r="155" spans="1:10" x14ac:dyDescent="0.25">
      <c r="A155" s="2" t="s">
        <v>225</v>
      </c>
      <c r="B155" s="4" t="s">
        <v>1069</v>
      </c>
      <c r="C155" s="12">
        <v>32947500</v>
      </c>
      <c r="D155" s="12">
        <v>117111286</v>
      </c>
      <c r="E155" s="12">
        <v>59781920.490000002</v>
      </c>
      <c r="F155" s="12">
        <v>51.05</v>
      </c>
      <c r="G155" s="12">
        <v>28379599.629999999</v>
      </c>
      <c r="H155" s="12">
        <v>51.05</v>
      </c>
      <c r="I155" s="12">
        <v>27566975.75</v>
      </c>
      <c r="J155" s="12">
        <v>51.05</v>
      </c>
    </row>
    <row r="156" spans="1:10" x14ac:dyDescent="0.25">
      <c r="A156" s="2" t="s">
        <v>227</v>
      </c>
      <c r="B156" s="4" t="s">
        <v>1070</v>
      </c>
      <c r="C156" s="12">
        <v>34239500</v>
      </c>
      <c r="D156" s="12">
        <v>34239500</v>
      </c>
      <c r="E156" s="12">
        <v>10213937.130000001</v>
      </c>
      <c r="F156" s="12">
        <v>29.83</v>
      </c>
      <c r="G156" s="12">
        <v>7647850.1799999997</v>
      </c>
      <c r="H156" s="12">
        <v>22.34</v>
      </c>
      <c r="I156" s="12">
        <v>7647850.1799999997</v>
      </c>
      <c r="J156" s="12">
        <v>22.34</v>
      </c>
    </row>
    <row r="157" spans="1:10" x14ac:dyDescent="0.25">
      <c r="A157" s="2" t="s">
        <v>229</v>
      </c>
      <c r="B157" s="4" t="s">
        <v>1071</v>
      </c>
      <c r="C157" s="12">
        <v>364980800</v>
      </c>
      <c r="D157" s="12">
        <v>522915888.02999997</v>
      </c>
      <c r="E157" s="12">
        <v>243889728.09</v>
      </c>
      <c r="F157" s="12">
        <v>46.64</v>
      </c>
      <c r="G157" s="12">
        <v>229332970.69999999</v>
      </c>
      <c r="H157" s="12">
        <v>43.86</v>
      </c>
      <c r="I157" s="12">
        <v>206642484.61000001</v>
      </c>
      <c r="J157" s="12">
        <v>39.520000000000003</v>
      </c>
    </row>
    <row r="158" spans="1:10" x14ac:dyDescent="0.25">
      <c r="A158" s="2" t="s">
        <v>231</v>
      </c>
      <c r="B158" s="4" t="s">
        <v>1072</v>
      </c>
      <c r="C158" s="12">
        <v>1554183900</v>
      </c>
      <c r="D158" s="12">
        <v>1755038314.03</v>
      </c>
      <c r="E158" s="12">
        <v>612451632.02999997</v>
      </c>
      <c r="F158" s="12">
        <v>34.9</v>
      </c>
      <c r="G158" s="12">
        <v>490579015.97000003</v>
      </c>
      <c r="H158" s="12">
        <v>27.95</v>
      </c>
      <c r="I158" s="12">
        <v>431667682</v>
      </c>
      <c r="J158" s="12">
        <v>24.6</v>
      </c>
    </row>
    <row r="159" spans="1:10" x14ac:dyDescent="0.25">
      <c r="A159" s="2" t="s">
        <v>233</v>
      </c>
      <c r="B159" s="4" t="s">
        <v>1073</v>
      </c>
      <c r="C159" s="12">
        <v>325648700</v>
      </c>
      <c r="D159" s="12">
        <v>396534768</v>
      </c>
      <c r="E159" s="12">
        <v>81922576.560000002</v>
      </c>
      <c r="F159" s="12">
        <v>20.66</v>
      </c>
      <c r="G159" s="12">
        <v>40592013.270000003</v>
      </c>
      <c r="H159" s="12">
        <v>10.24</v>
      </c>
      <c r="I159" s="12">
        <v>38945751</v>
      </c>
      <c r="J159" s="12">
        <v>9.82</v>
      </c>
    </row>
    <row r="160" spans="1:10" x14ac:dyDescent="0.25">
      <c r="A160" s="2" t="s">
        <v>235</v>
      </c>
      <c r="B160" s="4" t="s">
        <v>1074</v>
      </c>
      <c r="C160" s="12">
        <v>1228535200</v>
      </c>
      <c r="D160" s="12">
        <v>1358503546.03</v>
      </c>
      <c r="E160" s="12">
        <v>530529055.47000003</v>
      </c>
      <c r="F160" s="12">
        <v>39.049999999999997</v>
      </c>
      <c r="G160" s="12">
        <v>449987002.69999999</v>
      </c>
      <c r="H160" s="12">
        <v>33.119999999999997</v>
      </c>
      <c r="I160" s="12">
        <v>392721931</v>
      </c>
      <c r="J160" s="12">
        <v>28.91</v>
      </c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075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076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1077</v>
      </c>
      <c r="C10" s="10" t="s">
        <v>1078</v>
      </c>
      <c r="D10" s="10" t="s">
        <v>1079</v>
      </c>
      <c r="E10" s="10" t="s">
        <v>1079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69</v>
      </c>
      <c r="E11" s="1" t="s">
        <v>1080</v>
      </c>
    </row>
    <row r="12" spans="1:13" x14ac:dyDescent="0.25">
      <c r="A12" s="3" t="s">
        <v>17</v>
      </c>
      <c r="B12" s="5" t="s">
        <v>1081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9</v>
      </c>
      <c r="B13" s="4" t="s">
        <v>1082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1</v>
      </c>
      <c r="B14" s="5" t="s">
        <v>1083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3</v>
      </c>
      <c r="B15" s="4" t="s">
        <v>1084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5</v>
      </c>
      <c r="B16" s="4" t="s">
        <v>1085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7</v>
      </c>
      <c r="B17" s="4" t="s">
        <v>1086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29</v>
      </c>
      <c r="B18" s="5" t="s">
        <v>1087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1</v>
      </c>
      <c r="B19" s="4" t="s">
        <v>1088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3</v>
      </c>
      <c r="B20" s="4" t="s">
        <v>1089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5</v>
      </c>
      <c r="B21" s="4" t="s">
        <v>1090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7</v>
      </c>
      <c r="B22" s="4" t="s">
        <v>1091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1092</v>
      </c>
      <c r="C24" s="10" t="s">
        <v>1093</v>
      </c>
      <c r="D24" s="10" t="s">
        <v>1094</v>
      </c>
      <c r="E24" s="10" t="s">
        <v>1095</v>
      </c>
      <c r="F24" s="10" t="s">
        <v>1096</v>
      </c>
      <c r="G24" s="10" t="s">
        <v>1097</v>
      </c>
      <c r="H24" s="10" t="s">
        <v>1098</v>
      </c>
      <c r="I24" s="10" t="s">
        <v>1099</v>
      </c>
      <c r="J24" s="10" t="s">
        <v>1100</v>
      </c>
      <c r="K24" s="10" t="s">
        <v>1101</v>
      </c>
      <c r="L24" s="10" t="s">
        <v>1102</v>
      </c>
      <c r="M24" s="10" t="s">
        <v>1103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3" t="s">
        <v>39</v>
      </c>
      <c r="B26" s="5" t="s">
        <v>1104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1</v>
      </c>
      <c r="B27" s="4" t="s">
        <v>1105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3</v>
      </c>
      <c r="B28" s="4" t="s">
        <v>1106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3" t="s">
        <v>45</v>
      </c>
      <c r="B29" s="5" t="s">
        <v>1107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7</v>
      </c>
      <c r="B30" s="4" t="s">
        <v>1108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2" t="s">
        <v>49</v>
      </c>
      <c r="B31" s="4" t="s">
        <v>1109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</row>
    <row r="32" spans="1:13" x14ac:dyDescent="0.25">
      <c r="A32" s="3" t="s">
        <v>51</v>
      </c>
      <c r="B32" s="5" t="s">
        <v>1110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3</v>
      </c>
      <c r="B33" s="4" t="s">
        <v>1111</v>
      </c>
      <c r="C33" s="12">
        <v>12012249489.57</v>
      </c>
      <c r="D33" s="12">
        <v>12742182036.690001</v>
      </c>
      <c r="E33" s="12">
        <v>0</v>
      </c>
      <c r="F33" s="12">
        <v>0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</row>
    <row r="34" spans="1:13" x14ac:dyDescent="0.25">
      <c r="A34" s="2" t="s">
        <v>55</v>
      </c>
      <c r="B34" s="4" t="s">
        <v>1112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</row>
    <row r="35" spans="1:13" x14ac:dyDescent="0.25">
      <c r="A35" s="2" t="s">
        <v>57</v>
      </c>
      <c r="B35" s="4" t="s">
        <v>1113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  <c r="J35" s="12">
        <v>0</v>
      </c>
      <c r="K35" s="12">
        <v>0</v>
      </c>
      <c r="L35" s="12">
        <v>0</v>
      </c>
      <c r="M35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05-25T14:36:27Z</dcterms:created>
  <dcterms:modified xsi:type="dcterms:W3CDTF">2020-05-25T15:06:44Z</dcterms:modified>
</cp:coreProperties>
</file>